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4025\group\003_入選G\01　入選\06　転編入学\03 転編入学者選抜9.1\R5年度\03_記者発表\05_HP\web掲載用\"/>
    </mc:Choice>
  </mc:AlternateContent>
  <bookViews>
    <workbookView xWindow="0" yWindow="0" windowWidth="28800" windowHeight="11870"/>
  </bookViews>
  <sheets>
    <sheet name="市立学校" sheetId="3" r:id="rId1"/>
  </sheets>
  <definedNames>
    <definedName name="_xlnm.Print_Area" localSheetId="0">市立学校!$A$1:$H$10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11" uniqueCount="86">
  <si>
    <t>　※　 ― ：欠員がないため募集しないことを示す。</t>
    <rPh sb="7" eb="9">
      <t>ケツイン</t>
    </rPh>
    <rPh sb="14" eb="16">
      <t>ボシュウ</t>
    </rPh>
    <rPh sb="22" eb="23">
      <t>シメ</t>
    </rPh>
    <phoneticPr fontId="2"/>
  </si>
  <si>
    <t>学  校  名</t>
  </si>
  <si>
    <t>Ａ</t>
    <phoneticPr fontId="2"/>
  </si>
  <si>
    <t>Ｂ</t>
    <phoneticPr fontId="2"/>
  </si>
  <si>
    <t>学 科 名</t>
    <rPh sb="0" eb="1">
      <t>ガク</t>
    </rPh>
    <rPh sb="2" eb="3">
      <t>カ</t>
    </rPh>
    <rPh sb="4" eb="5">
      <t>メイ</t>
    </rPh>
    <phoneticPr fontId="2"/>
  </si>
  <si>
    <t>デザイン科</t>
  </si>
  <si>
    <t>川　　崎</t>
    <phoneticPr fontId="2"/>
  </si>
  <si>
    <t>（Ａのみ募集）</t>
    <rPh sb="4" eb="6">
      <t>ボシュウ</t>
    </rPh>
    <phoneticPr fontId="2"/>
  </si>
  <si>
    <t>単位制普通科</t>
    <rPh sb="0" eb="3">
      <t>タンイセイ</t>
    </rPh>
    <rPh sb="3" eb="6">
      <t>フツウカ</t>
    </rPh>
    <phoneticPr fontId="2"/>
  </si>
  <si>
    <t>別　紙　３</t>
    <rPh sb="0" eb="1">
      <t>ベツ</t>
    </rPh>
    <rPh sb="2" eb="3">
      <t>カミ</t>
    </rPh>
    <phoneticPr fontId="2"/>
  </si>
  <si>
    <t xml:space="preserve">  保護者の転居に伴う県外からの転入者や県内在住で教育的配慮を必要とする特別な事情を有する者等及び海外帰国による編入学者</t>
    <rPh sb="20" eb="22">
      <t>ケンナイ</t>
    </rPh>
    <rPh sb="22" eb="24">
      <t>ザイジュウ</t>
    </rPh>
    <rPh sb="47" eb="48">
      <t>オヨ</t>
    </rPh>
    <rPh sb="49" eb="51">
      <t>カイガイ</t>
    </rPh>
    <rPh sb="51" eb="53">
      <t>キコク</t>
    </rPh>
    <phoneticPr fontId="2"/>
  </si>
  <si>
    <t>地　区　名</t>
    <rPh sb="0" eb="1">
      <t>チ</t>
    </rPh>
    <phoneticPr fontId="2"/>
  </si>
  <si>
    <t>国 際 学 科</t>
    <phoneticPr fontId="2"/>
  </si>
  <si>
    <t>川崎市立橘</t>
  </si>
  <si>
    <t>国  際  科</t>
    <phoneticPr fontId="2"/>
  </si>
  <si>
    <t>川崎市立川崎</t>
  </si>
  <si>
    <t>川崎市立高津</t>
  </si>
  <si>
    <t>横浜市立東</t>
  </si>
  <si>
    <t>普　通　科</t>
  </si>
  <si>
    <t>横浜市立戸塚</t>
  </si>
  <si>
    <t>情報工学科</t>
  </si>
  <si>
    <t>総合電気科</t>
  </si>
  <si>
    <t>電子機械科</t>
  </si>
  <si>
    <t>総 合 学 科</t>
    <phoneticPr fontId="2"/>
  </si>
  <si>
    <t>建設工学科</t>
  </si>
  <si>
    <t>商  業  科</t>
  </si>
  <si>
    <t>川崎市立幸</t>
    <rPh sb="4" eb="5">
      <t>サイワ</t>
    </rPh>
    <phoneticPr fontId="2"/>
  </si>
  <si>
    <t>ビジネス教養科</t>
    <rPh sb="4" eb="6">
      <t>キョウヨウ</t>
    </rPh>
    <rPh sb="6" eb="7">
      <t>カ</t>
    </rPh>
    <phoneticPr fontId="2"/>
  </si>
  <si>
    <t>生活科学科</t>
  </si>
  <si>
    <t>福  祉  科</t>
  </si>
  <si>
    <t>単位制総合学科</t>
    <rPh sb="0" eb="2">
      <t>タンイ</t>
    </rPh>
    <rPh sb="2" eb="3">
      <t>セイ</t>
    </rPh>
    <rPh sb="3" eb="5">
      <t>ソウゴウ</t>
    </rPh>
    <rPh sb="5" eb="7">
      <t>ガッカ</t>
    </rPh>
    <phoneticPr fontId="2"/>
  </si>
  <si>
    <t>科  学  科</t>
  </si>
  <si>
    <t>スポーツ科</t>
  </si>
  <si>
    <t xml:space="preserve">  県内公立高等学校の在籍者で、積極的な理由に基づく進路変更を希望する者（原則、異なる学科間で第１学年）</t>
    <rPh sb="37" eb="39">
      <t>ゲンソク</t>
    </rPh>
    <rPh sb="40" eb="41">
      <t>コト</t>
    </rPh>
    <rPh sb="43" eb="45">
      <t>ガッカ</t>
    </rPh>
    <rPh sb="45" eb="46">
      <t>カン</t>
    </rPh>
    <rPh sb="47" eb="48">
      <t>ダイ</t>
    </rPh>
    <rPh sb="49" eb="51">
      <t>ガクネン</t>
    </rPh>
    <phoneticPr fontId="2"/>
  </si>
  <si>
    <t>　</t>
    <phoneticPr fontId="2"/>
  </si>
  <si>
    <t xml:space="preserve">  募集学年区分Ｂの対象者</t>
  </si>
  <si>
    <t>(令和５年６月１日現在）</t>
    <phoneticPr fontId="2"/>
  </si>
  <si>
    <t>募 集 学 年</t>
    <phoneticPr fontId="2"/>
  </si>
  <si>
    <t>受付締切日</t>
    <phoneticPr fontId="2"/>
  </si>
  <si>
    <t>学力検査実施日</t>
    <rPh sb="0" eb="2">
      <t>ガクリョク</t>
    </rPh>
    <rPh sb="2" eb="4">
      <t>ケンサ</t>
    </rPh>
    <rPh sb="4" eb="7">
      <t>ジッシビ</t>
    </rPh>
    <phoneticPr fontId="2"/>
  </si>
  <si>
    <t>横 浜 中</t>
    <rPh sb="0" eb="1">
      <t>ヨコ</t>
    </rPh>
    <rPh sb="2" eb="3">
      <t>ハマ</t>
    </rPh>
    <rPh sb="4" eb="5">
      <t>ナカ</t>
    </rPh>
    <phoneticPr fontId="2"/>
  </si>
  <si>
    <t>横浜市立桜丘</t>
  </si>
  <si>
    <t>横 浜 南</t>
  </si>
  <si>
    <t>横浜市立南</t>
    <rPh sb="0" eb="2">
      <t>ヨコハマ</t>
    </rPh>
    <rPh sb="2" eb="4">
      <t>イチリツ</t>
    </rPh>
    <rPh sb="4" eb="5">
      <t>ミナミ</t>
    </rPh>
    <phoneticPr fontId="2"/>
  </si>
  <si>
    <t>横浜市立金沢</t>
  </si>
  <si>
    <t>川崎市立幸</t>
    <rPh sb="0" eb="3">
      <t>カワサキシ</t>
    </rPh>
    <rPh sb="3" eb="4">
      <t>リツ</t>
    </rPh>
    <rPh sb="4" eb="5">
      <t>サイワイ</t>
    </rPh>
    <phoneticPr fontId="2"/>
  </si>
  <si>
    <t>２  工業に関する学科</t>
  </si>
  <si>
    <t>川崎市立</t>
  </si>
  <si>
    <t>川崎総合科学</t>
  </si>
  <si>
    <t>３  商業に関する学科</t>
  </si>
  <si>
    <t>横浜市立</t>
  </si>
  <si>
    <t>横浜商業</t>
  </si>
  <si>
    <t>スポーツマネジメント科</t>
    <rPh sb="10" eb="11">
      <t>カ</t>
    </rPh>
    <phoneticPr fontId="2"/>
  </si>
  <si>
    <t>４  家庭に関する学科</t>
  </si>
  <si>
    <t>５  福祉に関する学科</t>
  </si>
  <si>
    <t>６  理数に関する学科</t>
  </si>
  <si>
    <t>７  体育に関する学科</t>
    <rPh sb="3" eb="5">
      <t>タイイク</t>
    </rPh>
    <phoneticPr fontId="2"/>
  </si>
  <si>
    <t>８  国際に関する学科</t>
    <phoneticPr fontId="2"/>
  </si>
  <si>
    <t>横浜市立</t>
    <phoneticPr fontId="2"/>
  </si>
  <si>
    <t>横浜商業</t>
    <phoneticPr fontId="2"/>
  </si>
  <si>
    <t>９　単位制による普通科</t>
    <phoneticPr fontId="2"/>
  </si>
  <si>
    <t>募 集 の 有 無</t>
    <rPh sb="6" eb="7">
      <t>ユウ</t>
    </rPh>
    <rPh sb="8" eb="9">
      <t>ム</t>
    </rPh>
    <phoneticPr fontId="2"/>
  </si>
  <si>
    <t>普　通　科(一般ｺｰｽ)</t>
    <rPh sb="6" eb="8">
      <t>イッパン</t>
    </rPh>
    <phoneticPr fontId="2"/>
  </si>
  <si>
    <t>普　通　科(音楽ｺｰｽ）</t>
    <rPh sb="6" eb="8">
      <t>オンガク</t>
    </rPh>
    <phoneticPr fontId="2"/>
  </si>
  <si>
    <t>10  単位制による総合学科</t>
    <rPh sb="4" eb="7">
      <t>タンイセイ</t>
    </rPh>
    <phoneticPr fontId="2"/>
  </si>
  <si>
    <t>みなと総合</t>
    <phoneticPr fontId="2"/>
  </si>
  <si>
    <t>横須賀市立</t>
    <phoneticPr fontId="2"/>
  </si>
  <si>
    <t>横須賀総合</t>
    <phoneticPr fontId="2"/>
  </si>
  <si>
    <t>11　単位制による理数に関する学科</t>
    <rPh sb="9" eb="11">
      <t>リスウ</t>
    </rPh>
    <rPh sb="12" eb="13">
      <t>カン</t>
    </rPh>
    <rPh sb="15" eb="17">
      <t>ガッカ</t>
    </rPh>
    <phoneticPr fontId="2"/>
  </si>
  <si>
    <t>横浜市立</t>
    <rPh sb="0" eb="2">
      <t>ヨコハマ</t>
    </rPh>
    <rPh sb="2" eb="4">
      <t>シリツ</t>
    </rPh>
    <phoneticPr fontId="2"/>
  </si>
  <si>
    <t>理　数　科</t>
    <rPh sb="0" eb="1">
      <t>リ</t>
    </rPh>
    <rPh sb="2" eb="3">
      <t>カズ</t>
    </rPh>
    <rPh sb="4" eb="5">
      <t>カ</t>
    </rPh>
    <phoneticPr fontId="2"/>
  </si>
  <si>
    <t>横浜ｻｲｴﾝｽ</t>
    <phoneticPr fontId="2"/>
  </si>
  <si>
    <t>ﾌﾛﾝﾃｨｱ</t>
    <phoneticPr fontId="2"/>
  </si>
  <si>
    <t>12  海外帰国生徒特別募集</t>
    <phoneticPr fontId="2"/>
  </si>
  <si>
    <t>13  在県外国人等特別募集</t>
    <rPh sb="9" eb="10">
      <t>トウ</t>
    </rPh>
    <phoneticPr fontId="2"/>
  </si>
  <si>
    <t>横浜市立</t>
    <rPh sb="0" eb="1">
      <t>ヨコ</t>
    </rPh>
    <rPh sb="1" eb="2">
      <t>ハマ</t>
    </rPh>
    <rPh sb="2" eb="4">
      <t>シリツ</t>
    </rPh>
    <phoneticPr fontId="2"/>
  </si>
  <si>
    <t>みなと総合</t>
    <rPh sb="3" eb="5">
      <t>ソウゴウ</t>
    </rPh>
    <phoneticPr fontId="2"/>
  </si>
  <si>
    <t>令和５年９月１日付け市立高等学校転入学・編入学者選抜実施計画（全日制の課程）</t>
    <rPh sb="0" eb="2">
      <t>レイワ</t>
    </rPh>
    <phoneticPr fontId="2"/>
  </si>
  <si>
    <t xml:space="preserve">  募集学年区分Ａの対象者</t>
    <phoneticPr fontId="2"/>
  </si>
  <si>
    <t>1,2,3</t>
  </si>
  <si>
    <t>2,3</t>
  </si>
  <si>
    <t>有</t>
  </si>
  <si>
    <t>2,3</t>
    <phoneticPr fontId="2"/>
  </si>
  <si>
    <t>1,3</t>
    <phoneticPr fontId="2"/>
  </si>
  <si>
    <t>有</t>
    <rPh sb="0" eb="1">
      <t>アリ</t>
    </rPh>
    <phoneticPr fontId="2"/>
  </si>
  <si>
    <t>１  普通科（単位制を除く。）</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14"/>
      <name val="ＭＳ 明朝"/>
      <family val="1"/>
      <charset val="128"/>
    </font>
    <font>
      <sz val="6"/>
      <name val="ＭＳ Ｐゴシック"/>
      <family val="3"/>
      <charset val="128"/>
    </font>
    <font>
      <sz val="11"/>
      <name val="ＭＳ 明朝"/>
      <family val="1"/>
      <charset val="128"/>
    </font>
    <font>
      <sz val="10"/>
      <name val="ＭＳ 明朝"/>
      <family val="1"/>
      <charset val="128"/>
    </font>
  </fonts>
  <fills count="2">
    <fill>
      <patternFill patternType="none"/>
    </fill>
    <fill>
      <patternFill patternType="gray125"/>
    </fill>
  </fills>
  <borders count="27">
    <border>
      <left/>
      <right/>
      <top/>
      <bottom/>
      <diagonal/>
    </border>
    <border>
      <left style="thin">
        <color indexed="64"/>
      </left>
      <right style="thin">
        <color indexed="64"/>
      </right>
      <top style="thin">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diagonal/>
    </border>
    <border>
      <left style="thin">
        <color indexed="64"/>
      </left>
      <right/>
      <top style="thin">
        <color indexed="64"/>
      </top>
      <bottom/>
      <diagonal/>
    </border>
    <border>
      <left style="thin">
        <color indexed="64"/>
      </left>
      <right style="thin">
        <color indexed="64"/>
      </right>
      <top style="thin">
        <color indexed="64"/>
      </top>
      <bottom style="dashed">
        <color indexed="64"/>
      </bottom>
      <diagonal/>
    </border>
    <border>
      <left style="thin">
        <color indexed="64"/>
      </left>
      <right/>
      <top/>
      <bottom/>
      <diagonal/>
    </border>
    <border>
      <left/>
      <right/>
      <top/>
      <bottom style="thin">
        <color indexed="64"/>
      </bottom>
      <diagonal/>
    </border>
    <border>
      <left/>
      <right style="thin">
        <color indexed="64"/>
      </right>
      <top style="thin">
        <color indexed="64"/>
      </top>
      <bottom/>
      <diagonal/>
    </border>
    <border>
      <left/>
      <right/>
      <top style="thin">
        <color indexed="64"/>
      </top>
      <bottom/>
      <diagonal/>
    </border>
    <border>
      <left/>
      <right style="thin">
        <color indexed="64"/>
      </right>
      <top/>
      <bottom style="thin">
        <color indexed="64"/>
      </bottom>
      <diagonal/>
    </border>
    <border>
      <left style="thin">
        <color indexed="64"/>
      </left>
      <right style="thin">
        <color indexed="64"/>
      </right>
      <top style="double">
        <color indexed="64"/>
      </top>
      <bottom/>
      <diagonal/>
    </border>
    <border>
      <left/>
      <right style="thin">
        <color indexed="64"/>
      </right>
      <top/>
      <bottom/>
      <diagonal/>
    </border>
    <border>
      <left style="thin">
        <color indexed="64"/>
      </left>
      <right/>
      <top/>
      <bottom style="double">
        <color indexed="64"/>
      </bottom>
      <diagonal/>
    </border>
    <border>
      <left/>
      <right style="thin">
        <color indexed="64"/>
      </right>
      <top/>
      <bottom style="double">
        <color indexed="64"/>
      </bottom>
      <diagonal/>
    </border>
  </borders>
  <cellStyleXfs count="1">
    <xf numFmtId="0" fontId="0" fillId="0" borderId="0"/>
  </cellStyleXfs>
  <cellXfs count="70">
    <xf numFmtId="0" fontId="0" fillId="0" borderId="0" xfId="0"/>
    <xf numFmtId="0" fontId="3" fillId="0" borderId="1" xfId="0" applyFont="1" applyFill="1" applyBorder="1" applyAlignment="1">
      <alignment horizontal="center" vertical="center"/>
    </xf>
    <xf numFmtId="0" fontId="1" fillId="0" borderId="1" xfId="0" applyFont="1" applyFill="1" applyBorder="1" applyAlignment="1">
      <alignment horizontal="center" vertical="center"/>
    </xf>
    <xf numFmtId="0" fontId="3" fillId="0" borderId="0" xfId="0" applyFont="1" applyFill="1"/>
    <xf numFmtId="0" fontId="3" fillId="0" borderId="2" xfId="0" applyFont="1" applyFill="1" applyBorder="1" applyAlignment="1">
      <alignment vertical="center"/>
    </xf>
    <xf numFmtId="0" fontId="3" fillId="0" borderId="3" xfId="0" applyFont="1" applyFill="1" applyBorder="1" applyAlignment="1">
      <alignment vertical="center"/>
    </xf>
    <xf numFmtId="0" fontId="4" fillId="0" borderId="0" xfId="0" applyFont="1" applyFill="1" applyAlignment="1">
      <alignment vertical="center"/>
    </xf>
    <xf numFmtId="0" fontId="3" fillId="0" borderId="0" xfId="0" applyFont="1" applyFill="1" applyAlignment="1">
      <alignment vertical="center"/>
    </xf>
    <xf numFmtId="0" fontId="3" fillId="0" borderId="7" xfId="0" applyFont="1" applyFill="1" applyBorder="1" applyAlignment="1">
      <alignment vertical="center"/>
    </xf>
    <xf numFmtId="0" fontId="3" fillId="0" borderId="8" xfId="0" applyFont="1" applyFill="1" applyBorder="1" applyAlignment="1">
      <alignment vertical="center"/>
    </xf>
    <xf numFmtId="0" fontId="4" fillId="0" borderId="0" xfId="0" applyFont="1" applyFill="1" applyBorder="1" applyAlignment="1">
      <alignment vertical="center"/>
    </xf>
    <xf numFmtId="0" fontId="3" fillId="0" borderId="17" xfId="0" applyFont="1" applyFill="1" applyBorder="1" applyAlignment="1">
      <alignment horizontal="center" vertical="center"/>
    </xf>
    <xf numFmtId="0" fontId="3" fillId="0" borderId="1" xfId="0" applyFont="1" applyFill="1" applyBorder="1" applyAlignment="1">
      <alignment vertical="center"/>
    </xf>
    <xf numFmtId="0" fontId="3" fillId="0" borderId="10" xfId="0" applyFont="1" applyFill="1" applyBorder="1" applyAlignment="1">
      <alignment vertical="center"/>
    </xf>
    <xf numFmtId="0" fontId="3" fillId="0" borderId="0" xfId="0" applyFont="1" applyFill="1" applyBorder="1"/>
    <xf numFmtId="0" fontId="3" fillId="0" borderId="0" xfId="0" applyFont="1" applyFill="1" applyBorder="1" applyAlignment="1">
      <alignment horizontal="center" vertical="center"/>
    </xf>
    <xf numFmtId="0" fontId="3" fillId="0" borderId="4" xfId="0" applyFont="1" applyFill="1" applyBorder="1" applyAlignment="1">
      <alignment vertical="center"/>
    </xf>
    <xf numFmtId="0" fontId="3" fillId="0" borderId="9" xfId="0" applyFont="1" applyFill="1" applyBorder="1" applyAlignment="1">
      <alignment vertical="center"/>
    </xf>
    <xf numFmtId="0" fontId="3" fillId="0" borderId="15" xfId="0" applyFont="1" applyFill="1" applyBorder="1" applyAlignment="1">
      <alignment vertical="center"/>
    </xf>
    <xf numFmtId="0" fontId="3" fillId="0" borderId="13" xfId="0" applyFont="1" applyFill="1" applyBorder="1" applyAlignment="1">
      <alignment vertical="center"/>
    </xf>
    <xf numFmtId="0" fontId="3" fillId="0" borderId="17" xfId="0" applyFont="1" applyFill="1" applyBorder="1" applyAlignment="1">
      <alignment vertical="center"/>
    </xf>
    <xf numFmtId="0" fontId="3" fillId="0" borderId="21" xfId="0" applyFont="1" applyFill="1" applyBorder="1" applyAlignment="1">
      <alignment vertical="center"/>
    </xf>
    <xf numFmtId="0" fontId="3" fillId="0" borderId="21" xfId="0" applyFont="1" applyFill="1" applyBorder="1" applyAlignment="1">
      <alignment horizontal="center" vertical="center"/>
    </xf>
    <xf numFmtId="0" fontId="3" fillId="0" borderId="13" xfId="0" applyFont="1" applyFill="1" applyBorder="1" applyAlignment="1">
      <alignment horizontal="center" vertical="center"/>
    </xf>
    <xf numFmtId="0" fontId="3" fillId="0" borderId="10" xfId="0" applyFont="1" applyFill="1" applyBorder="1" applyAlignment="1">
      <alignment horizontal="left" vertical="center"/>
    </xf>
    <xf numFmtId="0" fontId="3" fillId="0" borderId="5" xfId="0" applyFont="1" applyFill="1" applyBorder="1" applyAlignment="1">
      <alignment vertical="center"/>
    </xf>
    <xf numFmtId="0" fontId="3" fillId="0" borderId="0" xfId="0" applyFont="1" applyFill="1" applyBorder="1" applyAlignment="1">
      <alignment vertical="center"/>
    </xf>
    <xf numFmtId="0" fontId="3" fillId="0" borderId="6" xfId="0" applyFont="1" applyFill="1" applyBorder="1" applyAlignment="1">
      <alignment vertical="center"/>
    </xf>
    <xf numFmtId="0" fontId="3" fillId="0" borderId="1" xfId="0" quotePrefix="1" applyFont="1" applyFill="1" applyBorder="1" applyAlignment="1">
      <alignment horizontal="center" vertical="center"/>
    </xf>
    <xf numFmtId="56" fontId="3" fillId="0" borderId="12" xfId="0" applyNumberFormat="1" applyFont="1" applyFill="1" applyBorder="1" applyAlignment="1">
      <alignment horizontal="center" vertical="center"/>
    </xf>
    <xf numFmtId="0" fontId="3" fillId="0" borderId="21" xfId="0" applyFont="1" applyFill="1" applyBorder="1"/>
    <xf numFmtId="0" fontId="3" fillId="0" borderId="19" xfId="0" applyFont="1" applyFill="1" applyBorder="1" applyAlignment="1">
      <alignment vertical="center"/>
    </xf>
    <xf numFmtId="0" fontId="3" fillId="0" borderId="13" xfId="0" quotePrefix="1" applyFont="1" applyFill="1" applyBorder="1" applyAlignment="1">
      <alignment horizontal="center" vertical="center"/>
    </xf>
    <xf numFmtId="0" fontId="4" fillId="0" borderId="0" xfId="0" applyFont="1" applyFill="1" applyBorder="1" applyAlignment="1">
      <alignment horizontal="center" vertical="center"/>
    </xf>
    <xf numFmtId="0" fontId="3" fillId="0" borderId="0" xfId="0" quotePrefix="1" applyFont="1" applyFill="1" applyBorder="1" applyAlignment="1">
      <alignment vertical="center"/>
    </xf>
    <xf numFmtId="0" fontId="3" fillId="0" borderId="17" xfId="0" quotePrefix="1" applyFont="1" applyFill="1" applyBorder="1" applyAlignment="1">
      <alignment horizontal="center" vertical="center"/>
    </xf>
    <xf numFmtId="0" fontId="3" fillId="0" borderId="10" xfId="0" applyFont="1" applyFill="1" applyBorder="1" applyAlignment="1">
      <alignment vertical="center"/>
    </xf>
    <xf numFmtId="0" fontId="3" fillId="0" borderId="1" xfId="0" applyFont="1" applyFill="1" applyBorder="1" applyAlignment="1">
      <alignment horizontal="center" vertical="center"/>
    </xf>
    <xf numFmtId="56" fontId="3" fillId="0" borderId="12" xfId="0" applyNumberFormat="1" applyFont="1" applyFill="1" applyBorder="1" applyAlignment="1">
      <alignment horizontal="center" vertical="center"/>
    </xf>
    <xf numFmtId="0" fontId="3" fillId="0" borderId="1" xfId="0" quotePrefix="1" applyFont="1" applyFill="1" applyBorder="1" applyAlignment="1">
      <alignment horizontal="center" vertical="center"/>
    </xf>
    <xf numFmtId="0" fontId="3" fillId="0" borderId="11" xfId="0" applyFont="1" applyFill="1" applyBorder="1" applyAlignment="1">
      <alignment horizontal="center" vertical="center"/>
    </xf>
    <xf numFmtId="0" fontId="3" fillId="0" borderId="12" xfId="0" applyFont="1" applyFill="1" applyBorder="1" applyAlignment="1">
      <alignment horizontal="center" vertical="center"/>
    </xf>
    <xf numFmtId="0" fontId="3" fillId="0" borderId="23" xfId="0" applyFont="1" applyFill="1" applyBorder="1" applyAlignment="1">
      <alignment horizontal="center" vertical="center"/>
    </xf>
    <xf numFmtId="0" fontId="3" fillId="0" borderId="13" xfId="0" applyFont="1" applyFill="1" applyBorder="1" applyAlignment="1">
      <alignment horizontal="center" vertical="center"/>
    </xf>
    <xf numFmtId="0" fontId="3" fillId="0" borderId="14" xfId="0" applyFont="1" applyFill="1" applyBorder="1" applyAlignment="1">
      <alignment horizontal="center" vertical="center"/>
    </xf>
    <xf numFmtId="0" fontId="3" fillId="0" borderId="22" xfId="0" applyFont="1" applyFill="1" applyBorder="1" applyAlignment="1">
      <alignment horizontal="center" vertical="center"/>
    </xf>
    <xf numFmtId="0" fontId="3" fillId="0" borderId="10" xfId="0" applyFont="1" applyFill="1" applyBorder="1" applyAlignment="1">
      <alignment horizontal="center" vertical="center"/>
    </xf>
    <xf numFmtId="0" fontId="3" fillId="0" borderId="16" xfId="0" applyFont="1" applyFill="1" applyBorder="1" applyAlignment="1">
      <alignment horizontal="center" vertical="center"/>
    </xf>
    <xf numFmtId="0" fontId="3" fillId="0" borderId="20" xfId="0" applyFont="1" applyFill="1" applyBorder="1" applyAlignment="1">
      <alignment horizontal="center" vertical="center"/>
    </xf>
    <xf numFmtId="0" fontId="3" fillId="0" borderId="10" xfId="0" applyFont="1" applyFill="1" applyBorder="1" applyAlignment="1">
      <alignment horizontal="left" vertical="center"/>
    </xf>
    <xf numFmtId="0" fontId="3" fillId="0" borderId="13" xfId="0" applyFont="1" applyFill="1" applyBorder="1" applyAlignment="1">
      <alignment horizontal="left" vertical="center"/>
    </xf>
    <xf numFmtId="0" fontId="3" fillId="0" borderId="3" xfId="0" applyFont="1" applyFill="1" applyBorder="1" applyAlignment="1">
      <alignment horizontal="right"/>
    </xf>
    <xf numFmtId="0" fontId="3" fillId="0" borderId="1" xfId="0" applyFont="1" applyFill="1" applyBorder="1" applyAlignment="1">
      <alignment horizontal="center" vertical="center"/>
    </xf>
    <xf numFmtId="56" fontId="3" fillId="0" borderId="11" xfId="0" applyNumberFormat="1" applyFont="1" applyFill="1" applyBorder="1" applyAlignment="1">
      <alignment horizontal="center" vertical="center"/>
    </xf>
    <xf numFmtId="56" fontId="3" fillId="0" borderId="12" xfId="0" applyNumberFormat="1" applyFont="1" applyFill="1" applyBorder="1" applyAlignment="1">
      <alignment horizontal="center" vertical="center"/>
    </xf>
    <xf numFmtId="0" fontId="3" fillId="0" borderId="1" xfId="0" quotePrefix="1" applyFont="1" applyFill="1" applyBorder="1" applyAlignment="1">
      <alignment horizontal="center" vertical="center"/>
    </xf>
    <xf numFmtId="56" fontId="3" fillId="0" borderId="20" xfId="0" applyNumberFormat="1" applyFont="1" applyFill="1" applyBorder="1" applyAlignment="1">
      <alignment horizontal="center" vertical="center"/>
    </xf>
    <xf numFmtId="56" fontId="3" fillId="0" borderId="22" xfId="0" applyNumberFormat="1" applyFont="1" applyFill="1" applyBorder="1" applyAlignment="1">
      <alignment horizontal="center" vertical="center"/>
    </xf>
    <xf numFmtId="56" fontId="3" fillId="0" borderId="16" xfId="0" applyNumberFormat="1" applyFont="1" applyFill="1" applyBorder="1" applyAlignment="1">
      <alignment horizontal="center" vertical="center"/>
    </xf>
    <xf numFmtId="56" fontId="3" fillId="0" borderId="14" xfId="0" applyNumberFormat="1" applyFont="1" applyFill="1" applyBorder="1" applyAlignment="1">
      <alignment horizontal="center" vertical="center"/>
    </xf>
    <xf numFmtId="0" fontId="3" fillId="0" borderId="15" xfId="0" applyFont="1" applyFill="1" applyBorder="1" applyAlignment="1">
      <alignment horizontal="left" vertical="center"/>
    </xf>
    <xf numFmtId="0" fontId="3" fillId="0" borderId="15" xfId="0" applyFont="1" applyFill="1" applyBorder="1" applyAlignment="1">
      <alignment horizontal="center" vertical="center"/>
    </xf>
    <xf numFmtId="56" fontId="3" fillId="0" borderId="24" xfId="0" applyNumberFormat="1" applyFont="1" applyFill="1" applyBorder="1" applyAlignment="1">
      <alignment horizontal="center" vertical="center"/>
    </xf>
    <xf numFmtId="56" fontId="3" fillId="0" borderId="18" xfId="0" applyNumberFormat="1" applyFont="1" applyFill="1" applyBorder="1" applyAlignment="1">
      <alignment horizontal="center" vertical="center"/>
    </xf>
    <xf numFmtId="0" fontId="3" fillId="0" borderId="10" xfId="0" applyFont="1" applyFill="1" applyBorder="1" applyAlignment="1">
      <alignment vertical="center"/>
    </xf>
    <xf numFmtId="0" fontId="3" fillId="0" borderId="13" xfId="0" applyFont="1" applyFill="1" applyBorder="1" applyAlignment="1">
      <alignment vertical="center"/>
    </xf>
    <xf numFmtId="0" fontId="3" fillId="0" borderId="25" xfId="0" applyFont="1" applyFill="1" applyBorder="1" applyAlignment="1">
      <alignment horizontal="center" vertical="center"/>
    </xf>
    <xf numFmtId="0" fontId="3" fillId="0" borderId="26" xfId="0" applyFont="1" applyFill="1" applyBorder="1" applyAlignment="1">
      <alignment horizontal="center" vertical="center"/>
    </xf>
    <xf numFmtId="56" fontId="3" fillId="0" borderId="26" xfId="0" applyNumberFormat="1" applyFont="1" applyFill="1" applyBorder="1" applyAlignment="1">
      <alignment horizontal="center" vertical="center"/>
    </xf>
    <xf numFmtId="56" fontId="3" fillId="0" borderId="25" xfId="0" applyNumberFormat="1" applyFont="1" applyFill="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02"/>
  <sheetViews>
    <sheetView tabSelected="1" view="pageBreakPreview" zoomScaleNormal="100" zoomScaleSheetLayoutView="100" workbookViewId="0">
      <selection activeCell="A14" sqref="A14:A15"/>
    </sheetView>
  </sheetViews>
  <sheetFormatPr defaultColWidth="9" defaultRowHeight="13" x14ac:dyDescent="0.2"/>
  <cols>
    <col min="1" max="1" width="14.1796875" style="3" customWidth="1"/>
    <col min="2" max="2" width="25.453125" style="3" customWidth="1"/>
    <col min="3" max="4" width="8.453125" style="3" customWidth="1"/>
    <col min="5" max="5" width="21.36328125" style="3" customWidth="1"/>
    <col min="6" max="7" width="22.453125" style="3" customWidth="1"/>
    <col min="8" max="8" width="0.81640625" style="3" customWidth="1"/>
    <col min="9" max="256" width="9" style="3"/>
    <col min="257" max="257" width="14.1796875" style="3" customWidth="1"/>
    <col min="258" max="258" width="25.453125" style="3" customWidth="1"/>
    <col min="259" max="260" width="8.453125" style="3" customWidth="1"/>
    <col min="261" max="261" width="21.36328125" style="3" customWidth="1"/>
    <col min="262" max="263" width="22.453125" style="3" customWidth="1"/>
    <col min="264" max="264" width="0.81640625" style="3" customWidth="1"/>
    <col min="265" max="512" width="9" style="3"/>
    <col min="513" max="513" width="14.1796875" style="3" customWidth="1"/>
    <col min="514" max="514" width="25.453125" style="3" customWidth="1"/>
    <col min="515" max="516" width="8.453125" style="3" customWidth="1"/>
    <col min="517" max="517" width="21.36328125" style="3" customWidth="1"/>
    <col min="518" max="519" width="22.453125" style="3" customWidth="1"/>
    <col min="520" max="520" width="0.81640625" style="3" customWidth="1"/>
    <col min="521" max="768" width="9" style="3"/>
    <col min="769" max="769" width="14.1796875" style="3" customWidth="1"/>
    <col min="770" max="770" width="25.453125" style="3" customWidth="1"/>
    <col min="771" max="772" width="8.453125" style="3" customWidth="1"/>
    <col min="773" max="773" width="21.36328125" style="3" customWidth="1"/>
    <col min="774" max="775" width="22.453125" style="3" customWidth="1"/>
    <col min="776" max="776" width="0.81640625" style="3" customWidth="1"/>
    <col min="777" max="1024" width="9" style="3"/>
    <col min="1025" max="1025" width="14.1796875" style="3" customWidth="1"/>
    <col min="1026" max="1026" width="25.453125" style="3" customWidth="1"/>
    <col min="1027" max="1028" width="8.453125" style="3" customWidth="1"/>
    <col min="1029" max="1029" width="21.36328125" style="3" customWidth="1"/>
    <col min="1030" max="1031" width="22.453125" style="3" customWidth="1"/>
    <col min="1032" max="1032" width="0.81640625" style="3" customWidth="1"/>
    <col min="1033" max="1280" width="9" style="3"/>
    <col min="1281" max="1281" width="14.1796875" style="3" customWidth="1"/>
    <col min="1282" max="1282" width="25.453125" style="3" customWidth="1"/>
    <col min="1283" max="1284" width="8.453125" style="3" customWidth="1"/>
    <col min="1285" max="1285" width="21.36328125" style="3" customWidth="1"/>
    <col min="1286" max="1287" width="22.453125" style="3" customWidth="1"/>
    <col min="1288" max="1288" width="0.81640625" style="3" customWidth="1"/>
    <col min="1289" max="1536" width="9" style="3"/>
    <col min="1537" max="1537" width="14.1796875" style="3" customWidth="1"/>
    <col min="1538" max="1538" width="25.453125" style="3" customWidth="1"/>
    <col min="1539" max="1540" width="8.453125" style="3" customWidth="1"/>
    <col min="1541" max="1541" width="21.36328125" style="3" customWidth="1"/>
    <col min="1542" max="1543" width="22.453125" style="3" customWidth="1"/>
    <col min="1544" max="1544" width="0.81640625" style="3" customWidth="1"/>
    <col min="1545" max="1792" width="9" style="3"/>
    <col min="1793" max="1793" width="14.1796875" style="3" customWidth="1"/>
    <col min="1794" max="1794" width="25.453125" style="3" customWidth="1"/>
    <col min="1795" max="1796" width="8.453125" style="3" customWidth="1"/>
    <col min="1797" max="1797" width="21.36328125" style="3" customWidth="1"/>
    <col min="1798" max="1799" width="22.453125" style="3" customWidth="1"/>
    <col min="1800" max="1800" width="0.81640625" style="3" customWidth="1"/>
    <col min="1801" max="2048" width="9" style="3"/>
    <col min="2049" max="2049" width="14.1796875" style="3" customWidth="1"/>
    <col min="2050" max="2050" width="25.453125" style="3" customWidth="1"/>
    <col min="2051" max="2052" width="8.453125" style="3" customWidth="1"/>
    <col min="2053" max="2053" width="21.36328125" style="3" customWidth="1"/>
    <col min="2054" max="2055" width="22.453125" style="3" customWidth="1"/>
    <col min="2056" max="2056" width="0.81640625" style="3" customWidth="1"/>
    <col min="2057" max="2304" width="9" style="3"/>
    <col min="2305" max="2305" width="14.1796875" style="3" customWidth="1"/>
    <col min="2306" max="2306" width="25.453125" style="3" customWidth="1"/>
    <col min="2307" max="2308" width="8.453125" style="3" customWidth="1"/>
    <col min="2309" max="2309" width="21.36328125" style="3" customWidth="1"/>
    <col min="2310" max="2311" width="22.453125" style="3" customWidth="1"/>
    <col min="2312" max="2312" width="0.81640625" style="3" customWidth="1"/>
    <col min="2313" max="2560" width="9" style="3"/>
    <col min="2561" max="2561" width="14.1796875" style="3" customWidth="1"/>
    <col min="2562" max="2562" width="25.453125" style="3" customWidth="1"/>
    <col min="2563" max="2564" width="8.453125" style="3" customWidth="1"/>
    <col min="2565" max="2565" width="21.36328125" style="3" customWidth="1"/>
    <col min="2566" max="2567" width="22.453125" style="3" customWidth="1"/>
    <col min="2568" max="2568" width="0.81640625" style="3" customWidth="1"/>
    <col min="2569" max="2816" width="9" style="3"/>
    <col min="2817" max="2817" width="14.1796875" style="3" customWidth="1"/>
    <col min="2818" max="2818" width="25.453125" style="3" customWidth="1"/>
    <col min="2819" max="2820" width="8.453125" style="3" customWidth="1"/>
    <col min="2821" max="2821" width="21.36328125" style="3" customWidth="1"/>
    <col min="2822" max="2823" width="22.453125" style="3" customWidth="1"/>
    <col min="2824" max="2824" width="0.81640625" style="3" customWidth="1"/>
    <col min="2825" max="3072" width="9" style="3"/>
    <col min="3073" max="3073" width="14.1796875" style="3" customWidth="1"/>
    <col min="3074" max="3074" width="25.453125" style="3" customWidth="1"/>
    <col min="3075" max="3076" width="8.453125" style="3" customWidth="1"/>
    <col min="3077" max="3077" width="21.36328125" style="3" customWidth="1"/>
    <col min="3078" max="3079" width="22.453125" style="3" customWidth="1"/>
    <col min="3080" max="3080" width="0.81640625" style="3" customWidth="1"/>
    <col min="3081" max="3328" width="9" style="3"/>
    <col min="3329" max="3329" width="14.1796875" style="3" customWidth="1"/>
    <col min="3330" max="3330" width="25.453125" style="3" customWidth="1"/>
    <col min="3331" max="3332" width="8.453125" style="3" customWidth="1"/>
    <col min="3333" max="3333" width="21.36328125" style="3" customWidth="1"/>
    <col min="3334" max="3335" width="22.453125" style="3" customWidth="1"/>
    <col min="3336" max="3336" width="0.81640625" style="3" customWidth="1"/>
    <col min="3337" max="3584" width="9" style="3"/>
    <col min="3585" max="3585" width="14.1796875" style="3" customWidth="1"/>
    <col min="3586" max="3586" width="25.453125" style="3" customWidth="1"/>
    <col min="3587" max="3588" width="8.453125" style="3" customWidth="1"/>
    <col min="3589" max="3589" width="21.36328125" style="3" customWidth="1"/>
    <col min="3590" max="3591" width="22.453125" style="3" customWidth="1"/>
    <col min="3592" max="3592" width="0.81640625" style="3" customWidth="1"/>
    <col min="3593" max="3840" width="9" style="3"/>
    <col min="3841" max="3841" width="14.1796875" style="3" customWidth="1"/>
    <col min="3842" max="3842" width="25.453125" style="3" customWidth="1"/>
    <col min="3843" max="3844" width="8.453125" style="3" customWidth="1"/>
    <col min="3845" max="3845" width="21.36328125" style="3" customWidth="1"/>
    <col min="3846" max="3847" width="22.453125" style="3" customWidth="1"/>
    <col min="3848" max="3848" width="0.81640625" style="3" customWidth="1"/>
    <col min="3849" max="4096" width="9" style="3"/>
    <col min="4097" max="4097" width="14.1796875" style="3" customWidth="1"/>
    <col min="4098" max="4098" width="25.453125" style="3" customWidth="1"/>
    <col min="4099" max="4100" width="8.453125" style="3" customWidth="1"/>
    <col min="4101" max="4101" width="21.36328125" style="3" customWidth="1"/>
    <col min="4102" max="4103" width="22.453125" style="3" customWidth="1"/>
    <col min="4104" max="4104" width="0.81640625" style="3" customWidth="1"/>
    <col min="4105" max="4352" width="9" style="3"/>
    <col min="4353" max="4353" width="14.1796875" style="3" customWidth="1"/>
    <col min="4354" max="4354" width="25.453125" style="3" customWidth="1"/>
    <col min="4355" max="4356" width="8.453125" style="3" customWidth="1"/>
    <col min="4357" max="4357" width="21.36328125" style="3" customWidth="1"/>
    <col min="4358" max="4359" width="22.453125" style="3" customWidth="1"/>
    <col min="4360" max="4360" width="0.81640625" style="3" customWidth="1"/>
    <col min="4361" max="4608" width="9" style="3"/>
    <col min="4609" max="4609" width="14.1796875" style="3" customWidth="1"/>
    <col min="4610" max="4610" width="25.453125" style="3" customWidth="1"/>
    <col min="4611" max="4612" width="8.453125" style="3" customWidth="1"/>
    <col min="4613" max="4613" width="21.36328125" style="3" customWidth="1"/>
    <col min="4614" max="4615" width="22.453125" style="3" customWidth="1"/>
    <col min="4616" max="4616" width="0.81640625" style="3" customWidth="1"/>
    <col min="4617" max="4864" width="9" style="3"/>
    <col min="4865" max="4865" width="14.1796875" style="3" customWidth="1"/>
    <col min="4866" max="4866" width="25.453125" style="3" customWidth="1"/>
    <col min="4867" max="4868" width="8.453125" style="3" customWidth="1"/>
    <col min="4869" max="4869" width="21.36328125" style="3" customWidth="1"/>
    <col min="4870" max="4871" width="22.453125" style="3" customWidth="1"/>
    <col min="4872" max="4872" width="0.81640625" style="3" customWidth="1"/>
    <col min="4873" max="5120" width="9" style="3"/>
    <col min="5121" max="5121" width="14.1796875" style="3" customWidth="1"/>
    <col min="5122" max="5122" width="25.453125" style="3" customWidth="1"/>
    <col min="5123" max="5124" width="8.453125" style="3" customWidth="1"/>
    <col min="5125" max="5125" width="21.36328125" style="3" customWidth="1"/>
    <col min="5126" max="5127" width="22.453125" style="3" customWidth="1"/>
    <col min="5128" max="5128" width="0.81640625" style="3" customWidth="1"/>
    <col min="5129" max="5376" width="9" style="3"/>
    <col min="5377" max="5377" width="14.1796875" style="3" customWidth="1"/>
    <col min="5378" max="5378" width="25.453125" style="3" customWidth="1"/>
    <col min="5379" max="5380" width="8.453125" style="3" customWidth="1"/>
    <col min="5381" max="5381" width="21.36328125" style="3" customWidth="1"/>
    <col min="5382" max="5383" width="22.453125" style="3" customWidth="1"/>
    <col min="5384" max="5384" width="0.81640625" style="3" customWidth="1"/>
    <col min="5385" max="5632" width="9" style="3"/>
    <col min="5633" max="5633" width="14.1796875" style="3" customWidth="1"/>
    <col min="5634" max="5634" width="25.453125" style="3" customWidth="1"/>
    <col min="5635" max="5636" width="8.453125" style="3" customWidth="1"/>
    <col min="5637" max="5637" width="21.36328125" style="3" customWidth="1"/>
    <col min="5638" max="5639" width="22.453125" style="3" customWidth="1"/>
    <col min="5640" max="5640" width="0.81640625" style="3" customWidth="1"/>
    <col min="5641" max="5888" width="9" style="3"/>
    <col min="5889" max="5889" width="14.1796875" style="3" customWidth="1"/>
    <col min="5890" max="5890" width="25.453125" style="3" customWidth="1"/>
    <col min="5891" max="5892" width="8.453125" style="3" customWidth="1"/>
    <col min="5893" max="5893" width="21.36328125" style="3" customWidth="1"/>
    <col min="5894" max="5895" width="22.453125" style="3" customWidth="1"/>
    <col min="5896" max="5896" width="0.81640625" style="3" customWidth="1"/>
    <col min="5897" max="6144" width="9" style="3"/>
    <col min="6145" max="6145" width="14.1796875" style="3" customWidth="1"/>
    <col min="6146" max="6146" width="25.453125" style="3" customWidth="1"/>
    <col min="6147" max="6148" width="8.453125" style="3" customWidth="1"/>
    <col min="6149" max="6149" width="21.36328125" style="3" customWidth="1"/>
    <col min="6150" max="6151" width="22.453125" style="3" customWidth="1"/>
    <col min="6152" max="6152" width="0.81640625" style="3" customWidth="1"/>
    <col min="6153" max="6400" width="9" style="3"/>
    <col min="6401" max="6401" width="14.1796875" style="3" customWidth="1"/>
    <col min="6402" max="6402" width="25.453125" style="3" customWidth="1"/>
    <col min="6403" max="6404" width="8.453125" style="3" customWidth="1"/>
    <col min="6405" max="6405" width="21.36328125" style="3" customWidth="1"/>
    <col min="6406" max="6407" width="22.453125" style="3" customWidth="1"/>
    <col min="6408" max="6408" width="0.81640625" style="3" customWidth="1"/>
    <col min="6409" max="6656" width="9" style="3"/>
    <col min="6657" max="6657" width="14.1796875" style="3" customWidth="1"/>
    <col min="6658" max="6658" width="25.453125" style="3" customWidth="1"/>
    <col min="6659" max="6660" width="8.453125" style="3" customWidth="1"/>
    <col min="6661" max="6661" width="21.36328125" style="3" customWidth="1"/>
    <col min="6662" max="6663" width="22.453125" style="3" customWidth="1"/>
    <col min="6664" max="6664" width="0.81640625" style="3" customWidth="1"/>
    <col min="6665" max="6912" width="9" style="3"/>
    <col min="6913" max="6913" width="14.1796875" style="3" customWidth="1"/>
    <col min="6914" max="6914" width="25.453125" style="3" customWidth="1"/>
    <col min="6915" max="6916" width="8.453125" style="3" customWidth="1"/>
    <col min="6917" max="6917" width="21.36328125" style="3" customWidth="1"/>
    <col min="6918" max="6919" width="22.453125" style="3" customWidth="1"/>
    <col min="6920" max="6920" width="0.81640625" style="3" customWidth="1"/>
    <col min="6921" max="7168" width="9" style="3"/>
    <col min="7169" max="7169" width="14.1796875" style="3" customWidth="1"/>
    <col min="7170" max="7170" width="25.453125" style="3" customWidth="1"/>
    <col min="7171" max="7172" width="8.453125" style="3" customWidth="1"/>
    <col min="7173" max="7173" width="21.36328125" style="3" customWidth="1"/>
    <col min="7174" max="7175" width="22.453125" style="3" customWidth="1"/>
    <col min="7176" max="7176" width="0.81640625" style="3" customWidth="1"/>
    <col min="7177" max="7424" width="9" style="3"/>
    <col min="7425" max="7425" width="14.1796875" style="3" customWidth="1"/>
    <col min="7426" max="7426" width="25.453125" style="3" customWidth="1"/>
    <col min="7427" max="7428" width="8.453125" style="3" customWidth="1"/>
    <col min="7429" max="7429" width="21.36328125" style="3" customWidth="1"/>
    <col min="7430" max="7431" width="22.453125" style="3" customWidth="1"/>
    <col min="7432" max="7432" width="0.81640625" style="3" customWidth="1"/>
    <col min="7433" max="7680" width="9" style="3"/>
    <col min="7681" max="7681" width="14.1796875" style="3" customWidth="1"/>
    <col min="7682" max="7682" width="25.453125" style="3" customWidth="1"/>
    <col min="7683" max="7684" width="8.453125" style="3" customWidth="1"/>
    <col min="7685" max="7685" width="21.36328125" style="3" customWidth="1"/>
    <col min="7686" max="7687" width="22.453125" style="3" customWidth="1"/>
    <col min="7688" max="7688" width="0.81640625" style="3" customWidth="1"/>
    <col min="7689" max="7936" width="9" style="3"/>
    <col min="7937" max="7937" width="14.1796875" style="3" customWidth="1"/>
    <col min="7938" max="7938" width="25.453125" style="3" customWidth="1"/>
    <col min="7939" max="7940" width="8.453125" style="3" customWidth="1"/>
    <col min="7941" max="7941" width="21.36328125" style="3" customWidth="1"/>
    <col min="7942" max="7943" width="22.453125" style="3" customWidth="1"/>
    <col min="7944" max="7944" width="0.81640625" style="3" customWidth="1"/>
    <col min="7945" max="8192" width="9" style="3"/>
    <col min="8193" max="8193" width="14.1796875" style="3" customWidth="1"/>
    <col min="8194" max="8194" width="25.453125" style="3" customWidth="1"/>
    <col min="8195" max="8196" width="8.453125" style="3" customWidth="1"/>
    <col min="8197" max="8197" width="21.36328125" style="3" customWidth="1"/>
    <col min="8198" max="8199" width="22.453125" style="3" customWidth="1"/>
    <col min="8200" max="8200" width="0.81640625" style="3" customWidth="1"/>
    <col min="8201" max="8448" width="9" style="3"/>
    <col min="8449" max="8449" width="14.1796875" style="3" customWidth="1"/>
    <col min="8450" max="8450" width="25.453125" style="3" customWidth="1"/>
    <col min="8451" max="8452" width="8.453125" style="3" customWidth="1"/>
    <col min="8453" max="8453" width="21.36328125" style="3" customWidth="1"/>
    <col min="8454" max="8455" width="22.453125" style="3" customWidth="1"/>
    <col min="8456" max="8456" width="0.81640625" style="3" customWidth="1"/>
    <col min="8457" max="8704" width="9" style="3"/>
    <col min="8705" max="8705" width="14.1796875" style="3" customWidth="1"/>
    <col min="8706" max="8706" width="25.453125" style="3" customWidth="1"/>
    <col min="8707" max="8708" width="8.453125" style="3" customWidth="1"/>
    <col min="8709" max="8709" width="21.36328125" style="3" customWidth="1"/>
    <col min="8710" max="8711" width="22.453125" style="3" customWidth="1"/>
    <col min="8712" max="8712" width="0.81640625" style="3" customWidth="1"/>
    <col min="8713" max="8960" width="9" style="3"/>
    <col min="8961" max="8961" width="14.1796875" style="3" customWidth="1"/>
    <col min="8962" max="8962" width="25.453125" style="3" customWidth="1"/>
    <col min="8963" max="8964" width="8.453125" style="3" customWidth="1"/>
    <col min="8965" max="8965" width="21.36328125" style="3" customWidth="1"/>
    <col min="8966" max="8967" width="22.453125" style="3" customWidth="1"/>
    <col min="8968" max="8968" width="0.81640625" style="3" customWidth="1"/>
    <col min="8969" max="9216" width="9" style="3"/>
    <col min="9217" max="9217" width="14.1796875" style="3" customWidth="1"/>
    <col min="9218" max="9218" width="25.453125" style="3" customWidth="1"/>
    <col min="9219" max="9220" width="8.453125" style="3" customWidth="1"/>
    <col min="9221" max="9221" width="21.36328125" style="3" customWidth="1"/>
    <col min="9222" max="9223" width="22.453125" style="3" customWidth="1"/>
    <col min="9224" max="9224" width="0.81640625" style="3" customWidth="1"/>
    <col min="9225" max="9472" width="9" style="3"/>
    <col min="9473" max="9473" width="14.1796875" style="3" customWidth="1"/>
    <col min="9474" max="9474" width="25.453125" style="3" customWidth="1"/>
    <col min="9475" max="9476" width="8.453125" style="3" customWidth="1"/>
    <col min="9477" max="9477" width="21.36328125" style="3" customWidth="1"/>
    <col min="9478" max="9479" width="22.453125" style="3" customWidth="1"/>
    <col min="9480" max="9480" width="0.81640625" style="3" customWidth="1"/>
    <col min="9481" max="9728" width="9" style="3"/>
    <col min="9729" max="9729" width="14.1796875" style="3" customWidth="1"/>
    <col min="9730" max="9730" width="25.453125" style="3" customWidth="1"/>
    <col min="9731" max="9732" width="8.453125" style="3" customWidth="1"/>
    <col min="9733" max="9733" width="21.36328125" style="3" customWidth="1"/>
    <col min="9734" max="9735" width="22.453125" style="3" customWidth="1"/>
    <col min="9736" max="9736" width="0.81640625" style="3" customWidth="1"/>
    <col min="9737" max="9984" width="9" style="3"/>
    <col min="9985" max="9985" width="14.1796875" style="3" customWidth="1"/>
    <col min="9986" max="9986" width="25.453125" style="3" customWidth="1"/>
    <col min="9987" max="9988" width="8.453125" style="3" customWidth="1"/>
    <col min="9989" max="9989" width="21.36328125" style="3" customWidth="1"/>
    <col min="9990" max="9991" width="22.453125" style="3" customWidth="1"/>
    <col min="9992" max="9992" width="0.81640625" style="3" customWidth="1"/>
    <col min="9993" max="10240" width="9" style="3"/>
    <col min="10241" max="10241" width="14.1796875" style="3" customWidth="1"/>
    <col min="10242" max="10242" width="25.453125" style="3" customWidth="1"/>
    <col min="10243" max="10244" width="8.453125" style="3" customWidth="1"/>
    <col min="10245" max="10245" width="21.36328125" style="3" customWidth="1"/>
    <col min="10246" max="10247" width="22.453125" style="3" customWidth="1"/>
    <col min="10248" max="10248" width="0.81640625" style="3" customWidth="1"/>
    <col min="10249" max="10496" width="9" style="3"/>
    <col min="10497" max="10497" width="14.1796875" style="3" customWidth="1"/>
    <col min="10498" max="10498" width="25.453125" style="3" customWidth="1"/>
    <col min="10499" max="10500" width="8.453125" style="3" customWidth="1"/>
    <col min="10501" max="10501" width="21.36328125" style="3" customWidth="1"/>
    <col min="10502" max="10503" width="22.453125" style="3" customWidth="1"/>
    <col min="10504" max="10504" width="0.81640625" style="3" customWidth="1"/>
    <col min="10505" max="10752" width="9" style="3"/>
    <col min="10753" max="10753" width="14.1796875" style="3" customWidth="1"/>
    <col min="10754" max="10754" width="25.453125" style="3" customWidth="1"/>
    <col min="10755" max="10756" width="8.453125" style="3" customWidth="1"/>
    <col min="10757" max="10757" width="21.36328125" style="3" customWidth="1"/>
    <col min="10758" max="10759" width="22.453125" style="3" customWidth="1"/>
    <col min="10760" max="10760" width="0.81640625" style="3" customWidth="1"/>
    <col min="10761" max="11008" width="9" style="3"/>
    <col min="11009" max="11009" width="14.1796875" style="3" customWidth="1"/>
    <col min="11010" max="11010" width="25.453125" style="3" customWidth="1"/>
    <col min="11011" max="11012" width="8.453125" style="3" customWidth="1"/>
    <col min="11013" max="11013" width="21.36328125" style="3" customWidth="1"/>
    <col min="11014" max="11015" width="22.453125" style="3" customWidth="1"/>
    <col min="11016" max="11016" width="0.81640625" style="3" customWidth="1"/>
    <col min="11017" max="11264" width="9" style="3"/>
    <col min="11265" max="11265" width="14.1796875" style="3" customWidth="1"/>
    <col min="11266" max="11266" width="25.453125" style="3" customWidth="1"/>
    <col min="11267" max="11268" width="8.453125" style="3" customWidth="1"/>
    <col min="11269" max="11269" width="21.36328125" style="3" customWidth="1"/>
    <col min="11270" max="11271" width="22.453125" style="3" customWidth="1"/>
    <col min="11272" max="11272" width="0.81640625" style="3" customWidth="1"/>
    <col min="11273" max="11520" width="9" style="3"/>
    <col min="11521" max="11521" width="14.1796875" style="3" customWidth="1"/>
    <col min="11522" max="11522" width="25.453125" style="3" customWidth="1"/>
    <col min="11523" max="11524" width="8.453125" style="3" customWidth="1"/>
    <col min="11525" max="11525" width="21.36328125" style="3" customWidth="1"/>
    <col min="11526" max="11527" width="22.453125" style="3" customWidth="1"/>
    <col min="11528" max="11528" width="0.81640625" style="3" customWidth="1"/>
    <col min="11529" max="11776" width="9" style="3"/>
    <col min="11777" max="11777" width="14.1796875" style="3" customWidth="1"/>
    <col min="11778" max="11778" width="25.453125" style="3" customWidth="1"/>
    <col min="11779" max="11780" width="8.453125" style="3" customWidth="1"/>
    <col min="11781" max="11781" width="21.36328125" style="3" customWidth="1"/>
    <col min="11782" max="11783" width="22.453125" style="3" customWidth="1"/>
    <col min="11784" max="11784" width="0.81640625" style="3" customWidth="1"/>
    <col min="11785" max="12032" width="9" style="3"/>
    <col min="12033" max="12033" width="14.1796875" style="3" customWidth="1"/>
    <col min="12034" max="12034" width="25.453125" style="3" customWidth="1"/>
    <col min="12035" max="12036" width="8.453125" style="3" customWidth="1"/>
    <col min="12037" max="12037" width="21.36328125" style="3" customWidth="1"/>
    <col min="12038" max="12039" width="22.453125" style="3" customWidth="1"/>
    <col min="12040" max="12040" width="0.81640625" style="3" customWidth="1"/>
    <col min="12041" max="12288" width="9" style="3"/>
    <col min="12289" max="12289" width="14.1796875" style="3" customWidth="1"/>
    <col min="12290" max="12290" width="25.453125" style="3" customWidth="1"/>
    <col min="12291" max="12292" width="8.453125" style="3" customWidth="1"/>
    <col min="12293" max="12293" width="21.36328125" style="3" customWidth="1"/>
    <col min="12294" max="12295" width="22.453125" style="3" customWidth="1"/>
    <col min="12296" max="12296" width="0.81640625" style="3" customWidth="1"/>
    <col min="12297" max="12544" width="9" style="3"/>
    <col min="12545" max="12545" width="14.1796875" style="3" customWidth="1"/>
    <col min="12546" max="12546" width="25.453125" style="3" customWidth="1"/>
    <col min="12547" max="12548" width="8.453125" style="3" customWidth="1"/>
    <col min="12549" max="12549" width="21.36328125" style="3" customWidth="1"/>
    <col min="12550" max="12551" width="22.453125" style="3" customWidth="1"/>
    <col min="12552" max="12552" width="0.81640625" style="3" customWidth="1"/>
    <col min="12553" max="12800" width="9" style="3"/>
    <col min="12801" max="12801" width="14.1796875" style="3" customWidth="1"/>
    <col min="12802" max="12802" width="25.453125" style="3" customWidth="1"/>
    <col min="12803" max="12804" width="8.453125" style="3" customWidth="1"/>
    <col min="12805" max="12805" width="21.36328125" style="3" customWidth="1"/>
    <col min="12806" max="12807" width="22.453125" style="3" customWidth="1"/>
    <col min="12808" max="12808" width="0.81640625" style="3" customWidth="1"/>
    <col min="12809" max="13056" width="9" style="3"/>
    <col min="13057" max="13057" width="14.1796875" style="3" customWidth="1"/>
    <col min="13058" max="13058" width="25.453125" style="3" customWidth="1"/>
    <col min="13059" max="13060" width="8.453125" style="3" customWidth="1"/>
    <col min="13061" max="13061" width="21.36328125" style="3" customWidth="1"/>
    <col min="13062" max="13063" width="22.453125" style="3" customWidth="1"/>
    <col min="13064" max="13064" width="0.81640625" style="3" customWidth="1"/>
    <col min="13065" max="13312" width="9" style="3"/>
    <col min="13313" max="13313" width="14.1796875" style="3" customWidth="1"/>
    <col min="13314" max="13314" width="25.453125" style="3" customWidth="1"/>
    <col min="13315" max="13316" width="8.453125" style="3" customWidth="1"/>
    <col min="13317" max="13317" width="21.36328125" style="3" customWidth="1"/>
    <col min="13318" max="13319" width="22.453125" style="3" customWidth="1"/>
    <col min="13320" max="13320" width="0.81640625" style="3" customWidth="1"/>
    <col min="13321" max="13568" width="9" style="3"/>
    <col min="13569" max="13569" width="14.1796875" style="3" customWidth="1"/>
    <col min="13570" max="13570" width="25.453125" style="3" customWidth="1"/>
    <col min="13571" max="13572" width="8.453125" style="3" customWidth="1"/>
    <col min="13573" max="13573" width="21.36328125" style="3" customWidth="1"/>
    <col min="13574" max="13575" width="22.453125" style="3" customWidth="1"/>
    <col min="13576" max="13576" width="0.81640625" style="3" customWidth="1"/>
    <col min="13577" max="13824" width="9" style="3"/>
    <col min="13825" max="13825" width="14.1796875" style="3" customWidth="1"/>
    <col min="13826" max="13826" width="25.453125" style="3" customWidth="1"/>
    <col min="13827" max="13828" width="8.453125" style="3" customWidth="1"/>
    <col min="13829" max="13829" width="21.36328125" style="3" customWidth="1"/>
    <col min="13830" max="13831" width="22.453125" style="3" customWidth="1"/>
    <col min="13832" max="13832" width="0.81640625" style="3" customWidth="1"/>
    <col min="13833" max="14080" width="9" style="3"/>
    <col min="14081" max="14081" width="14.1796875" style="3" customWidth="1"/>
    <col min="14082" max="14082" width="25.453125" style="3" customWidth="1"/>
    <col min="14083" max="14084" width="8.453125" style="3" customWidth="1"/>
    <col min="14085" max="14085" width="21.36328125" style="3" customWidth="1"/>
    <col min="14086" max="14087" width="22.453125" style="3" customWidth="1"/>
    <col min="14088" max="14088" width="0.81640625" style="3" customWidth="1"/>
    <col min="14089" max="14336" width="9" style="3"/>
    <col min="14337" max="14337" width="14.1796875" style="3" customWidth="1"/>
    <col min="14338" max="14338" width="25.453125" style="3" customWidth="1"/>
    <col min="14339" max="14340" width="8.453125" style="3" customWidth="1"/>
    <col min="14341" max="14341" width="21.36328125" style="3" customWidth="1"/>
    <col min="14342" max="14343" width="22.453125" style="3" customWidth="1"/>
    <col min="14344" max="14344" width="0.81640625" style="3" customWidth="1"/>
    <col min="14345" max="14592" width="9" style="3"/>
    <col min="14593" max="14593" width="14.1796875" style="3" customWidth="1"/>
    <col min="14594" max="14594" width="25.453125" style="3" customWidth="1"/>
    <col min="14595" max="14596" width="8.453125" style="3" customWidth="1"/>
    <col min="14597" max="14597" width="21.36328125" style="3" customWidth="1"/>
    <col min="14598" max="14599" width="22.453125" style="3" customWidth="1"/>
    <col min="14600" max="14600" width="0.81640625" style="3" customWidth="1"/>
    <col min="14601" max="14848" width="9" style="3"/>
    <col min="14849" max="14849" width="14.1796875" style="3" customWidth="1"/>
    <col min="14850" max="14850" width="25.453125" style="3" customWidth="1"/>
    <col min="14851" max="14852" width="8.453125" style="3" customWidth="1"/>
    <col min="14853" max="14853" width="21.36328125" style="3" customWidth="1"/>
    <col min="14854" max="14855" width="22.453125" style="3" customWidth="1"/>
    <col min="14856" max="14856" width="0.81640625" style="3" customWidth="1"/>
    <col min="14857" max="15104" width="9" style="3"/>
    <col min="15105" max="15105" width="14.1796875" style="3" customWidth="1"/>
    <col min="15106" max="15106" width="25.453125" style="3" customWidth="1"/>
    <col min="15107" max="15108" width="8.453125" style="3" customWidth="1"/>
    <col min="15109" max="15109" width="21.36328125" style="3" customWidth="1"/>
    <col min="15110" max="15111" width="22.453125" style="3" customWidth="1"/>
    <col min="15112" max="15112" width="0.81640625" style="3" customWidth="1"/>
    <col min="15113" max="15360" width="9" style="3"/>
    <col min="15361" max="15361" width="14.1796875" style="3" customWidth="1"/>
    <col min="15362" max="15362" width="25.453125" style="3" customWidth="1"/>
    <col min="15363" max="15364" width="8.453125" style="3" customWidth="1"/>
    <col min="15365" max="15365" width="21.36328125" style="3" customWidth="1"/>
    <col min="15366" max="15367" width="22.453125" style="3" customWidth="1"/>
    <col min="15368" max="15368" width="0.81640625" style="3" customWidth="1"/>
    <col min="15369" max="15616" width="9" style="3"/>
    <col min="15617" max="15617" width="14.1796875" style="3" customWidth="1"/>
    <col min="15618" max="15618" width="25.453125" style="3" customWidth="1"/>
    <col min="15619" max="15620" width="8.453125" style="3" customWidth="1"/>
    <col min="15621" max="15621" width="21.36328125" style="3" customWidth="1"/>
    <col min="15622" max="15623" width="22.453125" style="3" customWidth="1"/>
    <col min="15624" max="15624" width="0.81640625" style="3" customWidth="1"/>
    <col min="15625" max="15872" width="9" style="3"/>
    <col min="15873" max="15873" width="14.1796875" style="3" customWidth="1"/>
    <col min="15874" max="15874" width="25.453125" style="3" customWidth="1"/>
    <col min="15875" max="15876" width="8.453125" style="3" customWidth="1"/>
    <col min="15877" max="15877" width="21.36328125" style="3" customWidth="1"/>
    <col min="15878" max="15879" width="22.453125" style="3" customWidth="1"/>
    <col min="15880" max="15880" width="0.81640625" style="3" customWidth="1"/>
    <col min="15881" max="16128" width="9" style="3"/>
    <col min="16129" max="16129" width="14.1796875" style="3" customWidth="1"/>
    <col min="16130" max="16130" width="25.453125" style="3" customWidth="1"/>
    <col min="16131" max="16132" width="8.453125" style="3" customWidth="1"/>
    <col min="16133" max="16133" width="21.36328125" style="3" customWidth="1"/>
    <col min="16134" max="16135" width="22.453125" style="3" customWidth="1"/>
    <col min="16136" max="16136" width="0.81640625" style="3" customWidth="1"/>
    <col min="16137" max="16384" width="9" style="3"/>
  </cols>
  <sheetData>
    <row r="1" spans="1:9" ht="33" customHeight="1" x14ac:dyDescent="0.2">
      <c r="A1" s="2" t="s">
        <v>9</v>
      </c>
    </row>
    <row r="2" spans="1:9" ht="18.75" customHeight="1" x14ac:dyDescent="0.2">
      <c r="A2" s="3" t="s">
        <v>77</v>
      </c>
    </row>
    <row r="3" spans="1:9" ht="18.75" customHeight="1" thickBot="1" x14ac:dyDescent="0.25"/>
    <row r="4" spans="1:9" s="7" customFormat="1" ht="18.75" customHeight="1" thickTop="1" x14ac:dyDescent="0.2">
      <c r="A4" s="4" t="s">
        <v>78</v>
      </c>
      <c r="B4" s="5"/>
      <c r="C4" s="5"/>
      <c r="D4" s="5"/>
      <c r="E4" s="5"/>
      <c r="F4" s="5"/>
      <c r="G4" s="16"/>
      <c r="H4" s="26"/>
      <c r="I4" s="26"/>
    </row>
    <row r="5" spans="1:9" s="7" customFormat="1" ht="18.75" customHeight="1" x14ac:dyDescent="0.2">
      <c r="A5" s="25" t="s">
        <v>10</v>
      </c>
      <c r="B5" s="26"/>
      <c r="C5" s="26"/>
      <c r="D5" s="26"/>
      <c r="E5" s="26"/>
      <c r="F5" s="26"/>
      <c r="G5" s="27"/>
      <c r="H5" s="26"/>
      <c r="I5" s="26"/>
    </row>
    <row r="6" spans="1:9" s="7" customFormat="1" ht="10.5" customHeight="1" x14ac:dyDescent="0.2">
      <c r="A6" s="25" t="s">
        <v>34</v>
      </c>
      <c r="B6" s="26"/>
      <c r="C6" s="26"/>
      <c r="D6" s="26"/>
      <c r="E6" s="26"/>
      <c r="F6" s="26"/>
      <c r="G6" s="27"/>
      <c r="H6" s="26"/>
      <c r="I6" s="26"/>
    </row>
    <row r="7" spans="1:9" s="7" customFormat="1" ht="18.75" customHeight="1" x14ac:dyDescent="0.2">
      <c r="A7" s="25" t="s">
        <v>35</v>
      </c>
      <c r="B7" s="26"/>
      <c r="C7" s="26"/>
      <c r="D7" s="26"/>
      <c r="E7" s="26"/>
      <c r="F7" s="26"/>
      <c r="G7" s="27"/>
      <c r="H7" s="26"/>
      <c r="I7" s="26"/>
    </row>
    <row r="8" spans="1:9" s="7" customFormat="1" ht="18.75" customHeight="1" x14ac:dyDescent="0.2">
      <c r="A8" s="25" t="s">
        <v>33</v>
      </c>
      <c r="B8" s="26"/>
      <c r="C8" s="26"/>
      <c r="D8" s="26"/>
      <c r="E8" s="26"/>
      <c r="F8" s="26"/>
      <c r="G8" s="27"/>
      <c r="H8" s="26"/>
      <c r="I8" s="26"/>
    </row>
    <row r="9" spans="1:9" s="7" customFormat="1" ht="8.25" customHeight="1" x14ac:dyDescent="0.2">
      <c r="A9" s="25"/>
      <c r="B9" s="26"/>
      <c r="C9" s="26"/>
      <c r="D9" s="26"/>
      <c r="E9" s="26"/>
      <c r="F9" s="26"/>
      <c r="G9" s="27"/>
      <c r="H9" s="26"/>
      <c r="I9" s="26"/>
    </row>
    <row r="10" spans="1:9" s="7" customFormat="1" ht="18.75" customHeight="1" x14ac:dyDescent="0.2">
      <c r="A10" s="25" t="s">
        <v>0</v>
      </c>
      <c r="B10" s="26"/>
      <c r="C10" s="26"/>
      <c r="D10" s="26"/>
      <c r="E10" s="26"/>
      <c r="F10" s="26"/>
      <c r="G10" s="27"/>
      <c r="H10" s="26"/>
      <c r="I10" s="26"/>
    </row>
    <row r="11" spans="1:9" s="7" customFormat="1" ht="10.5" customHeight="1" thickBot="1" x14ac:dyDescent="0.25">
      <c r="A11" s="8"/>
      <c r="B11" s="9"/>
      <c r="C11" s="9"/>
      <c r="D11" s="9"/>
      <c r="E11" s="9"/>
      <c r="F11" s="9"/>
      <c r="G11" s="17"/>
      <c r="H11" s="26"/>
      <c r="I11" s="26"/>
    </row>
    <row r="12" spans="1:9" ht="18.75" customHeight="1" thickTop="1" x14ac:dyDescent="0.2">
      <c r="F12" s="51" t="s">
        <v>36</v>
      </c>
      <c r="G12" s="51"/>
    </row>
    <row r="13" spans="1:9" ht="18.75" customHeight="1" x14ac:dyDescent="0.2">
      <c r="A13" s="7" t="s">
        <v>85</v>
      </c>
      <c r="B13" s="7"/>
      <c r="C13" s="7"/>
      <c r="D13" s="7"/>
      <c r="E13" s="26"/>
      <c r="F13" s="26"/>
      <c r="G13" s="26"/>
      <c r="H13" s="26"/>
    </row>
    <row r="14" spans="1:9" ht="18.75" customHeight="1" x14ac:dyDescent="0.2">
      <c r="A14" s="46" t="s">
        <v>11</v>
      </c>
      <c r="B14" s="46" t="s">
        <v>1</v>
      </c>
      <c r="C14" s="52" t="s">
        <v>37</v>
      </c>
      <c r="D14" s="52"/>
      <c r="E14" s="46" t="s">
        <v>38</v>
      </c>
      <c r="F14" s="52" t="s">
        <v>39</v>
      </c>
      <c r="G14" s="52"/>
      <c r="H14" s="26"/>
    </row>
    <row r="15" spans="1:9" ht="18.75" customHeight="1" x14ac:dyDescent="0.2">
      <c r="A15" s="43"/>
      <c r="B15" s="43"/>
      <c r="C15" s="1" t="s">
        <v>2</v>
      </c>
      <c r="D15" s="1" t="s">
        <v>3</v>
      </c>
      <c r="E15" s="43"/>
      <c r="F15" s="52"/>
      <c r="G15" s="52"/>
      <c r="H15" s="15"/>
    </row>
    <row r="16" spans="1:9" ht="18.75" customHeight="1" x14ac:dyDescent="0.2">
      <c r="A16" s="12" t="s">
        <v>40</v>
      </c>
      <c r="B16" s="12" t="s">
        <v>41</v>
      </c>
      <c r="C16" s="1" t="s">
        <v>79</v>
      </c>
      <c r="D16" s="28">
        <v>1</v>
      </c>
      <c r="E16" s="29">
        <v>45161</v>
      </c>
      <c r="F16" s="53">
        <v>45162</v>
      </c>
      <c r="G16" s="54"/>
      <c r="H16" s="15"/>
    </row>
    <row r="17" spans="1:11" ht="18.75" customHeight="1" x14ac:dyDescent="0.2">
      <c r="A17" s="18" t="s">
        <v>42</v>
      </c>
      <c r="B17" s="13" t="s">
        <v>43</v>
      </c>
      <c r="C17" s="1" t="s">
        <v>79</v>
      </c>
      <c r="D17" s="28">
        <v>1</v>
      </c>
      <c r="E17" s="29">
        <v>45161</v>
      </c>
      <c r="F17" s="53">
        <v>45162</v>
      </c>
      <c r="G17" s="54"/>
      <c r="H17" s="15"/>
    </row>
    <row r="18" spans="1:11" ht="18.75" customHeight="1" x14ac:dyDescent="0.2">
      <c r="A18" s="18"/>
      <c r="B18" s="20" t="s">
        <v>44</v>
      </c>
      <c r="C18" s="1" t="s">
        <v>79</v>
      </c>
      <c r="D18" s="28">
        <v>1</v>
      </c>
      <c r="E18" s="29">
        <v>45161</v>
      </c>
      <c r="F18" s="53">
        <v>45162</v>
      </c>
      <c r="G18" s="54"/>
      <c r="H18" s="26"/>
    </row>
    <row r="19" spans="1:11" ht="18.75" customHeight="1" x14ac:dyDescent="0.2">
      <c r="A19" s="36" t="s">
        <v>6</v>
      </c>
      <c r="B19" s="12" t="s">
        <v>13</v>
      </c>
      <c r="C19" s="1" t="s">
        <v>79</v>
      </c>
      <c r="D19" s="28">
        <v>1</v>
      </c>
      <c r="E19" s="29">
        <v>45155</v>
      </c>
      <c r="F19" s="53">
        <v>45156</v>
      </c>
      <c r="G19" s="54"/>
      <c r="H19" s="15"/>
    </row>
    <row r="20" spans="1:11" ht="18.75" customHeight="1" x14ac:dyDescent="0.2">
      <c r="A20" s="18"/>
      <c r="B20" s="13" t="s">
        <v>16</v>
      </c>
      <c r="C20" s="1" t="s">
        <v>79</v>
      </c>
      <c r="D20" s="28">
        <v>1</v>
      </c>
      <c r="E20" s="29">
        <v>45155</v>
      </c>
      <c r="F20" s="53">
        <v>45156</v>
      </c>
      <c r="G20" s="54"/>
      <c r="H20" s="15"/>
    </row>
    <row r="21" spans="1:11" ht="18.75" customHeight="1" x14ac:dyDescent="0.2">
      <c r="A21" s="18"/>
      <c r="B21" s="13" t="s">
        <v>45</v>
      </c>
      <c r="C21" s="37" t="s">
        <v>79</v>
      </c>
      <c r="D21" s="39">
        <v>1</v>
      </c>
      <c r="E21" s="29">
        <v>45155</v>
      </c>
      <c r="F21" s="53">
        <v>45156</v>
      </c>
      <c r="G21" s="54"/>
      <c r="H21" s="26"/>
    </row>
    <row r="22" spans="1:11" ht="18.75" customHeight="1" x14ac:dyDescent="0.2">
      <c r="A22" s="21"/>
      <c r="B22" s="21"/>
      <c r="C22" s="26"/>
      <c r="D22" s="26"/>
      <c r="E22" s="26"/>
      <c r="F22" s="26"/>
      <c r="G22" s="15"/>
      <c r="H22" s="26"/>
    </row>
    <row r="23" spans="1:11" ht="18.75" customHeight="1" x14ac:dyDescent="0.2">
      <c r="A23" s="7" t="s">
        <v>46</v>
      </c>
      <c r="B23" s="7"/>
      <c r="C23" s="7"/>
      <c r="D23" s="15"/>
      <c r="E23" s="26"/>
      <c r="F23" s="26"/>
      <c r="G23" s="26"/>
      <c r="H23" s="14"/>
    </row>
    <row r="24" spans="1:11" ht="18.75" customHeight="1" x14ac:dyDescent="0.2">
      <c r="A24" s="46" t="s">
        <v>1</v>
      </c>
      <c r="B24" s="46" t="s">
        <v>4</v>
      </c>
      <c r="C24" s="52" t="s">
        <v>37</v>
      </c>
      <c r="D24" s="52"/>
      <c r="E24" s="46" t="s">
        <v>38</v>
      </c>
      <c r="F24" s="52" t="s">
        <v>39</v>
      </c>
      <c r="G24" s="52"/>
      <c r="H24" s="26"/>
    </row>
    <row r="25" spans="1:11" ht="18.75" customHeight="1" x14ac:dyDescent="0.2">
      <c r="A25" s="43"/>
      <c r="B25" s="43"/>
      <c r="C25" s="1" t="s">
        <v>2</v>
      </c>
      <c r="D25" s="1" t="s">
        <v>3</v>
      </c>
      <c r="E25" s="43"/>
      <c r="F25" s="52"/>
      <c r="G25" s="52"/>
      <c r="H25" s="26"/>
    </row>
    <row r="26" spans="1:11" ht="18.75" customHeight="1" x14ac:dyDescent="0.2">
      <c r="A26" s="13" t="s">
        <v>47</v>
      </c>
      <c r="B26" s="12" t="s">
        <v>20</v>
      </c>
      <c r="C26" s="1" t="s">
        <v>80</v>
      </c>
      <c r="D26" s="28">
        <v>1</v>
      </c>
      <c r="E26" s="29">
        <v>45155</v>
      </c>
      <c r="F26" s="53">
        <v>45156</v>
      </c>
      <c r="G26" s="54"/>
      <c r="H26" s="15"/>
    </row>
    <row r="27" spans="1:11" ht="18.75" customHeight="1" x14ac:dyDescent="0.2">
      <c r="A27" s="18" t="s">
        <v>48</v>
      </c>
      <c r="B27" s="12" t="s">
        <v>21</v>
      </c>
      <c r="C27" s="1" t="s">
        <v>80</v>
      </c>
      <c r="D27" s="28">
        <v>1</v>
      </c>
      <c r="E27" s="29">
        <v>45155</v>
      </c>
      <c r="F27" s="53">
        <v>45156</v>
      </c>
      <c r="G27" s="54"/>
      <c r="H27" s="15"/>
    </row>
    <row r="28" spans="1:11" ht="18.75" customHeight="1" x14ac:dyDescent="0.2">
      <c r="A28" s="18"/>
      <c r="B28" s="12" t="s">
        <v>22</v>
      </c>
      <c r="C28" s="1" t="s">
        <v>80</v>
      </c>
      <c r="D28" s="28">
        <v>1</v>
      </c>
      <c r="E28" s="29">
        <v>45155</v>
      </c>
      <c r="F28" s="53">
        <v>45156</v>
      </c>
      <c r="G28" s="54"/>
      <c r="H28" s="15"/>
    </row>
    <row r="29" spans="1:11" ht="18.75" customHeight="1" x14ac:dyDescent="0.2">
      <c r="A29" s="18"/>
      <c r="B29" s="12" t="s">
        <v>24</v>
      </c>
      <c r="C29" s="1" t="s">
        <v>80</v>
      </c>
      <c r="D29" s="28">
        <v>1</v>
      </c>
      <c r="E29" s="29">
        <v>45155</v>
      </c>
      <c r="F29" s="53">
        <v>45156</v>
      </c>
      <c r="G29" s="54"/>
      <c r="H29" s="15"/>
    </row>
    <row r="30" spans="1:11" ht="18.75" customHeight="1" x14ac:dyDescent="0.2">
      <c r="A30" s="19"/>
      <c r="B30" s="12" t="s">
        <v>5</v>
      </c>
      <c r="C30" s="1" t="s">
        <v>80</v>
      </c>
      <c r="D30" s="28">
        <v>1</v>
      </c>
      <c r="E30" s="29">
        <v>45155</v>
      </c>
      <c r="F30" s="53">
        <v>45156</v>
      </c>
      <c r="G30" s="54"/>
      <c r="H30" s="15"/>
    </row>
    <row r="31" spans="1:11" ht="18.75" customHeight="1" x14ac:dyDescent="0.2">
      <c r="A31" s="30"/>
      <c r="B31" s="30"/>
      <c r="C31" s="30"/>
      <c r="D31" s="26"/>
      <c r="E31" s="26"/>
      <c r="F31" s="26"/>
      <c r="G31" s="26"/>
      <c r="H31" s="15"/>
      <c r="I31" s="10"/>
      <c r="J31" s="10"/>
      <c r="K31" s="10"/>
    </row>
    <row r="32" spans="1:11" ht="18.75" customHeight="1" x14ac:dyDescent="0.2">
      <c r="A32" s="7" t="s">
        <v>49</v>
      </c>
      <c r="B32" s="7"/>
      <c r="C32" s="31"/>
      <c r="D32" s="15"/>
      <c r="E32" s="26"/>
      <c r="F32" s="26"/>
      <c r="G32" s="26"/>
      <c r="H32" s="14"/>
    </row>
    <row r="33" spans="1:11" ht="18.75" customHeight="1" x14ac:dyDescent="0.2">
      <c r="A33" s="46" t="s">
        <v>1</v>
      </c>
      <c r="B33" s="46" t="s">
        <v>4</v>
      </c>
      <c r="C33" s="52" t="s">
        <v>37</v>
      </c>
      <c r="D33" s="52"/>
      <c r="E33" s="46" t="s">
        <v>38</v>
      </c>
      <c r="F33" s="52" t="s">
        <v>39</v>
      </c>
      <c r="G33" s="52"/>
      <c r="H33" s="26"/>
    </row>
    <row r="34" spans="1:11" ht="18.75" customHeight="1" x14ac:dyDescent="0.2">
      <c r="A34" s="43"/>
      <c r="B34" s="43"/>
      <c r="C34" s="1" t="s">
        <v>2</v>
      </c>
      <c r="D34" s="1" t="s">
        <v>3</v>
      </c>
      <c r="E34" s="43"/>
      <c r="F34" s="52"/>
      <c r="G34" s="52"/>
      <c r="H34" s="26"/>
    </row>
    <row r="35" spans="1:11" ht="18.75" customHeight="1" x14ac:dyDescent="0.2">
      <c r="A35" s="13" t="s">
        <v>50</v>
      </c>
      <c r="B35" s="12" t="s">
        <v>25</v>
      </c>
      <c r="C35" s="1" t="s">
        <v>80</v>
      </c>
      <c r="D35" s="28">
        <v>1</v>
      </c>
      <c r="E35" s="29">
        <v>45161</v>
      </c>
      <c r="F35" s="53">
        <v>45162</v>
      </c>
      <c r="G35" s="54"/>
      <c r="H35" s="15"/>
    </row>
    <row r="36" spans="1:11" ht="18.75" customHeight="1" x14ac:dyDescent="0.2">
      <c r="A36" s="18" t="s">
        <v>51</v>
      </c>
      <c r="B36" s="19" t="s">
        <v>52</v>
      </c>
      <c r="C36" s="23" t="s">
        <v>80</v>
      </c>
      <c r="D36" s="32">
        <v>1</v>
      </c>
      <c r="E36" s="29">
        <v>45161</v>
      </c>
      <c r="F36" s="53">
        <v>45162</v>
      </c>
      <c r="G36" s="54"/>
      <c r="H36" s="26"/>
    </row>
    <row r="37" spans="1:11" ht="18.75" customHeight="1" x14ac:dyDescent="0.2">
      <c r="A37" s="13" t="s">
        <v>26</v>
      </c>
      <c r="B37" s="13" t="s">
        <v>27</v>
      </c>
      <c r="C37" s="1" t="s">
        <v>79</v>
      </c>
      <c r="D37" s="28">
        <v>1</v>
      </c>
      <c r="E37" s="29">
        <v>45155</v>
      </c>
      <c r="F37" s="53">
        <v>45156</v>
      </c>
      <c r="G37" s="54"/>
      <c r="H37" s="26"/>
      <c r="I37" s="10"/>
      <c r="J37" s="33"/>
      <c r="K37" s="33"/>
    </row>
    <row r="38" spans="1:11" ht="18.75" customHeight="1" x14ac:dyDescent="0.2">
      <c r="A38" s="30"/>
      <c r="B38" s="30"/>
      <c r="C38" s="30"/>
      <c r="D38" s="26"/>
      <c r="E38" s="26"/>
      <c r="F38" s="26"/>
      <c r="G38" s="26"/>
      <c r="H38" s="26"/>
    </row>
    <row r="39" spans="1:11" ht="18.75" customHeight="1" x14ac:dyDescent="0.2">
      <c r="A39" s="7" t="s">
        <v>53</v>
      </c>
      <c r="B39" s="7"/>
      <c r="C39" s="7"/>
      <c r="D39" s="15"/>
      <c r="E39" s="26"/>
      <c r="F39" s="26"/>
      <c r="G39" s="26"/>
      <c r="H39" s="26"/>
    </row>
    <row r="40" spans="1:11" ht="18.75" customHeight="1" x14ac:dyDescent="0.2">
      <c r="A40" s="46" t="s">
        <v>1</v>
      </c>
      <c r="B40" s="46" t="s">
        <v>4</v>
      </c>
      <c r="C40" s="52" t="s">
        <v>37</v>
      </c>
      <c r="D40" s="52"/>
      <c r="E40" s="46" t="s">
        <v>38</v>
      </c>
      <c r="F40" s="52" t="s">
        <v>39</v>
      </c>
      <c r="G40" s="52"/>
      <c r="H40" s="14"/>
    </row>
    <row r="41" spans="1:11" ht="18.75" customHeight="1" x14ac:dyDescent="0.2">
      <c r="A41" s="43"/>
      <c r="B41" s="43"/>
      <c r="C41" s="1" t="s">
        <v>2</v>
      </c>
      <c r="D41" s="1" t="s">
        <v>3</v>
      </c>
      <c r="E41" s="43"/>
      <c r="F41" s="52"/>
      <c r="G41" s="52"/>
      <c r="H41" s="26"/>
    </row>
    <row r="42" spans="1:11" ht="18.75" customHeight="1" x14ac:dyDescent="0.2">
      <c r="A42" s="12" t="s">
        <v>15</v>
      </c>
      <c r="B42" s="12" t="s">
        <v>28</v>
      </c>
      <c r="C42" s="1" t="s">
        <v>79</v>
      </c>
      <c r="D42" s="28">
        <v>1</v>
      </c>
      <c r="E42" s="29">
        <v>45155</v>
      </c>
      <c r="F42" s="53">
        <v>45156</v>
      </c>
      <c r="G42" s="54"/>
      <c r="H42" s="26"/>
      <c r="I42" s="10"/>
      <c r="J42" s="10"/>
      <c r="K42" s="10"/>
    </row>
    <row r="43" spans="1:11" ht="18.75" customHeight="1" x14ac:dyDescent="0.2">
      <c r="D43" s="26"/>
      <c r="E43" s="26"/>
      <c r="F43" s="26"/>
      <c r="G43" s="26"/>
      <c r="H43" s="15"/>
    </row>
    <row r="44" spans="1:11" ht="18.75" customHeight="1" x14ac:dyDescent="0.2">
      <c r="A44" s="7" t="s">
        <v>54</v>
      </c>
      <c r="B44" s="7"/>
      <c r="C44" s="7"/>
      <c r="D44" s="15"/>
      <c r="E44" s="14"/>
      <c r="F44" s="14"/>
      <c r="G44" s="14"/>
      <c r="H44" s="26"/>
    </row>
    <row r="45" spans="1:11" ht="18.75" customHeight="1" x14ac:dyDescent="0.2">
      <c r="A45" s="46" t="s">
        <v>1</v>
      </c>
      <c r="B45" s="46" t="s">
        <v>4</v>
      </c>
      <c r="C45" s="52" t="s">
        <v>37</v>
      </c>
      <c r="D45" s="52"/>
      <c r="E45" s="46" t="s">
        <v>38</v>
      </c>
      <c r="F45" s="52" t="s">
        <v>39</v>
      </c>
      <c r="G45" s="52"/>
      <c r="H45" s="26"/>
    </row>
    <row r="46" spans="1:11" ht="18.75" customHeight="1" x14ac:dyDescent="0.2">
      <c r="A46" s="43"/>
      <c r="B46" s="43"/>
      <c r="C46" s="1" t="s">
        <v>2</v>
      </c>
      <c r="D46" s="1" t="s">
        <v>3</v>
      </c>
      <c r="E46" s="43"/>
      <c r="F46" s="52"/>
      <c r="G46" s="52"/>
      <c r="H46" s="26"/>
    </row>
    <row r="47" spans="1:11" ht="18.75" customHeight="1" x14ac:dyDescent="0.2">
      <c r="A47" s="12" t="s">
        <v>15</v>
      </c>
      <c r="B47" s="12" t="s">
        <v>29</v>
      </c>
      <c r="C47" s="37" t="s">
        <v>79</v>
      </c>
      <c r="D47" s="39">
        <v>1</v>
      </c>
      <c r="E47" s="38">
        <v>45155</v>
      </c>
      <c r="F47" s="53">
        <v>45156</v>
      </c>
      <c r="G47" s="54"/>
      <c r="H47" s="14"/>
      <c r="I47" s="6"/>
      <c r="J47" s="6"/>
      <c r="K47" s="6"/>
    </row>
    <row r="48" spans="1:11" ht="18.75" customHeight="1" x14ac:dyDescent="0.2">
      <c r="D48" s="26"/>
      <c r="E48" s="26"/>
      <c r="F48" s="26"/>
      <c r="G48" s="26"/>
      <c r="H48" s="26"/>
    </row>
    <row r="49" spans="1:8" ht="18.75" customHeight="1" x14ac:dyDescent="0.2">
      <c r="A49" s="7" t="s">
        <v>55</v>
      </c>
      <c r="B49" s="7"/>
      <c r="C49" s="31"/>
      <c r="D49" s="15"/>
      <c r="E49" s="14"/>
      <c r="F49" s="14"/>
      <c r="G49" s="14"/>
      <c r="H49" s="26"/>
    </row>
    <row r="50" spans="1:8" ht="18.75" customHeight="1" x14ac:dyDescent="0.2">
      <c r="A50" s="46" t="s">
        <v>1</v>
      </c>
      <c r="B50" s="46" t="s">
        <v>4</v>
      </c>
      <c r="C50" s="52" t="s">
        <v>37</v>
      </c>
      <c r="D50" s="52"/>
      <c r="E50" s="46" t="s">
        <v>38</v>
      </c>
      <c r="F50" s="52" t="s">
        <v>39</v>
      </c>
      <c r="G50" s="52"/>
      <c r="H50" s="26"/>
    </row>
    <row r="51" spans="1:8" ht="18.75" customHeight="1" x14ac:dyDescent="0.2">
      <c r="A51" s="43"/>
      <c r="B51" s="43"/>
      <c r="C51" s="1" t="s">
        <v>2</v>
      </c>
      <c r="D51" s="1" t="s">
        <v>3</v>
      </c>
      <c r="E51" s="43"/>
      <c r="F51" s="52"/>
      <c r="G51" s="52"/>
      <c r="H51" s="26"/>
    </row>
    <row r="52" spans="1:8" ht="18.75" customHeight="1" x14ac:dyDescent="0.2">
      <c r="A52" s="13" t="s">
        <v>47</v>
      </c>
      <c r="B52" s="49" t="s">
        <v>31</v>
      </c>
      <c r="C52" s="52" t="s">
        <v>82</v>
      </c>
      <c r="D52" s="55">
        <v>1</v>
      </c>
      <c r="E52" s="56">
        <v>45155</v>
      </c>
      <c r="F52" s="58">
        <v>45156</v>
      </c>
      <c r="G52" s="56"/>
      <c r="H52" s="14"/>
    </row>
    <row r="53" spans="1:8" ht="18.75" customHeight="1" x14ac:dyDescent="0.2">
      <c r="A53" s="19" t="s">
        <v>48</v>
      </c>
      <c r="B53" s="50"/>
      <c r="C53" s="52"/>
      <c r="D53" s="52"/>
      <c r="E53" s="57"/>
      <c r="F53" s="59"/>
      <c r="G53" s="57"/>
      <c r="H53" s="26"/>
    </row>
    <row r="54" spans="1:8" ht="18.75" customHeight="1" x14ac:dyDescent="0.2">
      <c r="E54" s="26"/>
      <c r="F54" s="26"/>
      <c r="G54" s="26"/>
      <c r="H54" s="34"/>
    </row>
    <row r="55" spans="1:8" ht="18.75" customHeight="1" x14ac:dyDescent="0.2">
      <c r="A55" s="7" t="s">
        <v>56</v>
      </c>
      <c r="B55" s="7"/>
      <c r="C55" s="7"/>
      <c r="D55" s="7"/>
      <c r="E55" s="26"/>
      <c r="F55" s="26"/>
      <c r="G55" s="26"/>
      <c r="H55" s="26"/>
    </row>
    <row r="56" spans="1:8" ht="18.75" customHeight="1" x14ac:dyDescent="0.2">
      <c r="A56" s="46" t="s">
        <v>1</v>
      </c>
      <c r="B56" s="46" t="s">
        <v>4</v>
      </c>
      <c r="C56" s="52" t="s">
        <v>37</v>
      </c>
      <c r="D56" s="52"/>
      <c r="E56" s="46" t="s">
        <v>38</v>
      </c>
      <c r="F56" s="52" t="s">
        <v>39</v>
      </c>
      <c r="G56" s="52"/>
      <c r="H56" s="14"/>
    </row>
    <row r="57" spans="1:8" ht="18.75" customHeight="1" x14ac:dyDescent="0.2">
      <c r="A57" s="43"/>
      <c r="B57" s="43"/>
      <c r="C57" s="1" t="s">
        <v>2</v>
      </c>
      <c r="D57" s="1" t="s">
        <v>3</v>
      </c>
      <c r="E57" s="43"/>
      <c r="F57" s="52"/>
      <c r="G57" s="52"/>
      <c r="H57" s="26"/>
    </row>
    <row r="58" spans="1:8" ht="18.75" customHeight="1" x14ac:dyDescent="0.2">
      <c r="A58" s="12" t="s">
        <v>13</v>
      </c>
      <c r="B58" s="12" t="s">
        <v>32</v>
      </c>
      <c r="C58" s="1" t="s">
        <v>80</v>
      </c>
      <c r="D58" s="28">
        <v>1</v>
      </c>
      <c r="E58" s="38">
        <v>45155</v>
      </c>
      <c r="F58" s="53">
        <v>45156</v>
      </c>
      <c r="G58" s="54"/>
      <c r="H58" s="26"/>
    </row>
    <row r="59" spans="1:8" ht="18.75" customHeight="1" x14ac:dyDescent="0.2">
      <c r="A59" s="26"/>
      <c r="B59" s="26"/>
      <c r="C59" s="15"/>
      <c r="D59" s="15"/>
      <c r="E59" s="14"/>
      <c r="F59" s="14"/>
      <c r="G59" s="14"/>
      <c r="H59" s="34"/>
    </row>
    <row r="60" spans="1:8" ht="18.75" customHeight="1" x14ac:dyDescent="0.2">
      <c r="A60" s="7" t="s">
        <v>57</v>
      </c>
      <c r="B60" s="7"/>
      <c r="C60" s="7"/>
      <c r="D60" s="26"/>
      <c r="E60" s="14"/>
      <c r="F60" s="14"/>
      <c r="G60" s="14"/>
      <c r="H60" s="14"/>
    </row>
    <row r="61" spans="1:8" ht="18.75" customHeight="1" x14ac:dyDescent="0.2">
      <c r="A61" s="46" t="s">
        <v>1</v>
      </c>
      <c r="B61" s="46" t="s">
        <v>4</v>
      </c>
      <c r="C61" s="52" t="s">
        <v>37</v>
      </c>
      <c r="D61" s="52"/>
      <c r="E61" s="46" t="s">
        <v>38</v>
      </c>
      <c r="F61" s="52" t="s">
        <v>39</v>
      </c>
      <c r="G61" s="52"/>
      <c r="H61" s="14"/>
    </row>
    <row r="62" spans="1:8" ht="18.75" customHeight="1" x14ac:dyDescent="0.2">
      <c r="A62" s="43"/>
      <c r="B62" s="43"/>
      <c r="C62" s="1" t="s">
        <v>2</v>
      </c>
      <c r="D62" s="1" t="s">
        <v>3</v>
      </c>
      <c r="E62" s="43"/>
      <c r="F62" s="52"/>
      <c r="G62" s="52"/>
      <c r="H62" s="14"/>
    </row>
    <row r="63" spans="1:8" ht="18.75" customHeight="1" x14ac:dyDescent="0.2">
      <c r="A63" s="24" t="s">
        <v>58</v>
      </c>
      <c r="B63" s="49" t="s">
        <v>12</v>
      </c>
      <c r="C63" s="52" t="s">
        <v>82</v>
      </c>
      <c r="D63" s="55">
        <v>1</v>
      </c>
      <c r="E63" s="56">
        <v>45161</v>
      </c>
      <c r="F63" s="58">
        <v>45162</v>
      </c>
      <c r="G63" s="56"/>
      <c r="H63" s="14"/>
    </row>
    <row r="64" spans="1:8" ht="18.75" customHeight="1" x14ac:dyDescent="0.2">
      <c r="A64" s="19" t="s">
        <v>59</v>
      </c>
      <c r="B64" s="50"/>
      <c r="C64" s="52"/>
      <c r="D64" s="52"/>
      <c r="E64" s="57"/>
      <c r="F64" s="59"/>
      <c r="G64" s="57"/>
      <c r="H64" s="14"/>
    </row>
    <row r="65" spans="1:8" ht="18.75" customHeight="1" x14ac:dyDescent="0.2">
      <c r="A65" s="12" t="s">
        <v>13</v>
      </c>
      <c r="B65" s="12" t="s">
        <v>14</v>
      </c>
      <c r="C65" s="1" t="s">
        <v>82</v>
      </c>
      <c r="D65" s="28">
        <v>1</v>
      </c>
      <c r="E65" s="38">
        <v>45155</v>
      </c>
      <c r="F65" s="53">
        <v>45156</v>
      </c>
      <c r="G65" s="54"/>
      <c r="H65" s="14"/>
    </row>
    <row r="66" spans="1:8" ht="18.75" customHeight="1" x14ac:dyDescent="0.2">
      <c r="D66" s="15"/>
      <c r="E66" s="14"/>
      <c r="F66" s="14"/>
      <c r="G66" s="14"/>
      <c r="H66" s="14"/>
    </row>
    <row r="67" spans="1:8" ht="18.75" customHeight="1" x14ac:dyDescent="0.2">
      <c r="A67" s="26" t="s">
        <v>60</v>
      </c>
      <c r="B67" s="26"/>
      <c r="C67" s="26"/>
      <c r="D67" s="14"/>
      <c r="E67" s="14"/>
      <c r="F67" s="14"/>
      <c r="G67" s="14"/>
      <c r="H67" s="14"/>
    </row>
    <row r="68" spans="1:8" ht="18.75" customHeight="1" x14ac:dyDescent="0.2">
      <c r="A68" s="46" t="s">
        <v>1</v>
      </c>
      <c r="B68" s="46" t="s">
        <v>4</v>
      </c>
      <c r="C68" s="52" t="s">
        <v>61</v>
      </c>
      <c r="D68" s="52"/>
      <c r="E68" s="46" t="s">
        <v>38</v>
      </c>
      <c r="F68" s="52" t="s">
        <v>39</v>
      </c>
      <c r="G68" s="52"/>
      <c r="H68" s="14"/>
    </row>
    <row r="69" spans="1:8" ht="18.75" customHeight="1" x14ac:dyDescent="0.2">
      <c r="A69" s="43"/>
      <c r="B69" s="43"/>
      <c r="C69" s="1" t="s">
        <v>2</v>
      </c>
      <c r="D69" s="1" t="s">
        <v>3</v>
      </c>
      <c r="E69" s="43"/>
      <c r="F69" s="52"/>
      <c r="G69" s="52"/>
      <c r="H69" s="14"/>
    </row>
    <row r="70" spans="1:8" ht="18.75" customHeight="1" x14ac:dyDescent="0.2">
      <c r="A70" s="12" t="s">
        <v>17</v>
      </c>
      <c r="B70" s="12" t="s">
        <v>18</v>
      </c>
      <c r="C70" s="1" t="s">
        <v>81</v>
      </c>
      <c r="D70" s="28" t="s">
        <v>81</v>
      </c>
      <c r="E70" s="29">
        <v>45161</v>
      </c>
      <c r="F70" s="53">
        <v>45162</v>
      </c>
      <c r="G70" s="54"/>
      <c r="H70" s="14"/>
    </row>
    <row r="71" spans="1:8" ht="18.75" customHeight="1" x14ac:dyDescent="0.2">
      <c r="A71" s="49" t="s">
        <v>19</v>
      </c>
      <c r="B71" s="20" t="s">
        <v>62</v>
      </c>
      <c r="C71" s="11" t="s">
        <v>81</v>
      </c>
      <c r="D71" s="35" t="s">
        <v>81</v>
      </c>
      <c r="E71" s="38">
        <v>45161</v>
      </c>
      <c r="F71" s="53">
        <v>45162</v>
      </c>
      <c r="G71" s="54"/>
      <c r="H71" s="14"/>
    </row>
    <row r="72" spans="1:8" ht="18.75" customHeight="1" x14ac:dyDescent="0.2">
      <c r="A72" s="50"/>
      <c r="B72" s="19" t="s">
        <v>63</v>
      </c>
      <c r="C72" s="23" t="s">
        <v>81</v>
      </c>
      <c r="D72" s="32" t="s">
        <v>81</v>
      </c>
      <c r="E72" s="38">
        <v>45161</v>
      </c>
      <c r="F72" s="53">
        <v>45162</v>
      </c>
      <c r="G72" s="54"/>
      <c r="H72" s="14"/>
    </row>
    <row r="73" spans="1:8" ht="18.75" customHeight="1" x14ac:dyDescent="0.2">
      <c r="A73" s="21"/>
      <c r="B73" s="21"/>
      <c r="C73" s="22"/>
      <c r="D73" s="15"/>
      <c r="E73" s="14"/>
      <c r="F73" s="14"/>
      <c r="G73" s="14"/>
      <c r="H73" s="14"/>
    </row>
    <row r="74" spans="1:8" ht="18.75" customHeight="1" x14ac:dyDescent="0.2">
      <c r="A74" s="7" t="s">
        <v>64</v>
      </c>
      <c r="B74" s="7"/>
      <c r="C74" s="7"/>
      <c r="D74" s="15"/>
      <c r="E74" s="14"/>
      <c r="F74" s="14"/>
      <c r="G74" s="14"/>
      <c r="H74" s="14"/>
    </row>
    <row r="75" spans="1:8" ht="18.75" customHeight="1" x14ac:dyDescent="0.2">
      <c r="A75" s="46" t="s">
        <v>1</v>
      </c>
      <c r="B75" s="46" t="s">
        <v>4</v>
      </c>
      <c r="C75" s="52" t="s">
        <v>61</v>
      </c>
      <c r="D75" s="52"/>
      <c r="E75" s="46" t="s">
        <v>38</v>
      </c>
      <c r="F75" s="52" t="s">
        <v>39</v>
      </c>
      <c r="G75" s="52"/>
      <c r="H75" s="14"/>
    </row>
    <row r="76" spans="1:8" ht="18.75" customHeight="1" x14ac:dyDescent="0.2">
      <c r="A76" s="43"/>
      <c r="B76" s="43"/>
      <c r="C76" s="1" t="s">
        <v>2</v>
      </c>
      <c r="D76" s="1" t="s">
        <v>3</v>
      </c>
      <c r="E76" s="43"/>
      <c r="F76" s="52"/>
      <c r="G76" s="52"/>
      <c r="H76" s="14"/>
    </row>
    <row r="77" spans="1:8" ht="18.75" customHeight="1" x14ac:dyDescent="0.2">
      <c r="A77" s="13" t="s">
        <v>58</v>
      </c>
      <c r="B77" s="49" t="s">
        <v>23</v>
      </c>
      <c r="C77" s="52" t="s">
        <v>84</v>
      </c>
      <c r="D77" s="52" t="s">
        <v>84</v>
      </c>
      <c r="E77" s="56">
        <v>45161</v>
      </c>
      <c r="F77" s="58">
        <v>45162</v>
      </c>
      <c r="G77" s="56"/>
      <c r="H77" s="14"/>
    </row>
    <row r="78" spans="1:8" ht="18.75" customHeight="1" x14ac:dyDescent="0.2">
      <c r="A78" s="19" t="s">
        <v>65</v>
      </c>
      <c r="B78" s="50"/>
      <c r="C78" s="52"/>
      <c r="D78" s="52"/>
      <c r="E78" s="57"/>
      <c r="F78" s="59"/>
      <c r="G78" s="57"/>
      <c r="H78" s="14"/>
    </row>
    <row r="79" spans="1:8" ht="18.75" customHeight="1" x14ac:dyDescent="0.2">
      <c r="A79" s="13" t="s">
        <v>66</v>
      </c>
      <c r="B79" s="49" t="s">
        <v>23</v>
      </c>
      <c r="C79" s="52" t="s">
        <v>84</v>
      </c>
      <c r="D79" s="52" t="s">
        <v>84</v>
      </c>
      <c r="E79" s="56">
        <v>45155</v>
      </c>
      <c r="F79" s="58">
        <v>45156</v>
      </c>
      <c r="G79" s="56"/>
      <c r="H79" s="14"/>
    </row>
    <row r="80" spans="1:8" ht="18.75" customHeight="1" x14ac:dyDescent="0.2">
      <c r="A80" s="19" t="s">
        <v>67</v>
      </c>
      <c r="B80" s="50"/>
      <c r="C80" s="52"/>
      <c r="D80" s="52"/>
      <c r="E80" s="57"/>
      <c r="F80" s="59"/>
      <c r="G80" s="57"/>
      <c r="H80" s="14"/>
    </row>
    <row r="81" spans="1:8" ht="18.75" customHeight="1" x14ac:dyDescent="0.2">
      <c r="D81" s="26"/>
      <c r="E81" s="14"/>
      <c r="F81" s="14"/>
      <c r="G81" s="14"/>
      <c r="H81" s="14"/>
    </row>
    <row r="82" spans="1:8" ht="18.75" customHeight="1" x14ac:dyDescent="0.2">
      <c r="A82" s="7" t="s">
        <v>68</v>
      </c>
      <c r="B82" s="7"/>
      <c r="C82" s="7"/>
      <c r="D82" s="26"/>
      <c r="E82" s="14"/>
      <c r="F82" s="14"/>
      <c r="G82" s="14"/>
      <c r="H82" s="14"/>
    </row>
    <row r="83" spans="1:8" ht="18.75" customHeight="1" x14ac:dyDescent="0.2">
      <c r="A83" s="46" t="s">
        <v>1</v>
      </c>
      <c r="B83" s="46" t="s">
        <v>4</v>
      </c>
      <c r="C83" s="52" t="s">
        <v>61</v>
      </c>
      <c r="D83" s="52"/>
      <c r="E83" s="46" t="s">
        <v>38</v>
      </c>
      <c r="F83" s="52" t="s">
        <v>39</v>
      </c>
      <c r="G83" s="52"/>
      <c r="H83" s="14"/>
    </row>
    <row r="84" spans="1:8" ht="18.75" customHeight="1" x14ac:dyDescent="0.2">
      <c r="A84" s="43"/>
      <c r="B84" s="43"/>
      <c r="C84" s="1" t="s">
        <v>2</v>
      </c>
      <c r="D84" s="1" t="s">
        <v>3</v>
      </c>
      <c r="E84" s="43"/>
      <c r="F84" s="52"/>
      <c r="G84" s="52"/>
      <c r="H84" s="14"/>
    </row>
    <row r="85" spans="1:8" ht="18.75" customHeight="1" x14ac:dyDescent="0.2">
      <c r="A85" s="24" t="s">
        <v>69</v>
      </c>
      <c r="B85" s="49" t="s">
        <v>70</v>
      </c>
      <c r="C85" s="46" t="s">
        <v>84</v>
      </c>
      <c r="D85" s="46" t="s">
        <v>84</v>
      </c>
      <c r="E85" s="56">
        <v>45161</v>
      </c>
      <c r="F85" s="58">
        <v>45162</v>
      </c>
      <c r="G85" s="56"/>
    </row>
    <row r="86" spans="1:8" ht="18.75" customHeight="1" x14ac:dyDescent="0.2">
      <c r="A86" s="18" t="s">
        <v>71</v>
      </c>
      <c r="B86" s="60"/>
      <c r="C86" s="61"/>
      <c r="D86" s="61"/>
      <c r="E86" s="62"/>
      <c r="F86" s="63"/>
      <c r="G86" s="62"/>
    </row>
    <row r="87" spans="1:8" ht="18.75" customHeight="1" x14ac:dyDescent="0.2">
      <c r="A87" s="19" t="s">
        <v>72</v>
      </c>
      <c r="B87" s="50"/>
      <c r="C87" s="43"/>
      <c r="D87" s="43"/>
      <c r="E87" s="57"/>
      <c r="F87" s="59"/>
      <c r="G87" s="57"/>
    </row>
    <row r="88" spans="1:8" ht="18.75" customHeight="1" x14ac:dyDescent="0.2">
      <c r="D88" s="26"/>
    </row>
    <row r="89" spans="1:8" ht="18.75" customHeight="1" x14ac:dyDescent="0.2">
      <c r="A89" s="7" t="s">
        <v>73</v>
      </c>
      <c r="B89" s="7"/>
      <c r="C89" s="7"/>
      <c r="D89" s="26"/>
    </row>
    <row r="90" spans="1:8" ht="18.75" customHeight="1" x14ac:dyDescent="0.2">
      <c r="A90" s="46" t="s">
        <v>1</v>
      </c>
      <c r="B90" s="46" t="s">
        <v>4</v>
      </c>
      <c r="C90" s="46" t="s">
        <v>61</v>
      </c>
      <c r="D90" s="46"/>
      <c r="E90" s="46" t="s">
        <v>38</v>
      </c>
      <c r="F90" s="52" t="s">
        <v>39</v>
      </c>
      <c r="G90" s="52"/>
    </row>
    <row r="91" spans="1:8" ht="18.75" customHeight="1" x14ac:dyDescent="0.2">
      <c r="A91" s="43"/>
      <c r="B91" s="43"/>
      <c r="C91" s="44" t="s">
        <v>7</v>
      </c>
      <c r="D91" s="45"/>
      <c r="E91" s="43"/>
      <c r="F91" s="52"/>
      <c r="G91" s="52"/>
    </row>
    <row r="92" spans="1:8" ht="18.75" customHeight="1" x14ac:dyDescent="0.2">
      <c r="A92" s="12" t="s">
        <v>17</v>
      </c>
      <c r="B92" s="12" t="s">
        <v>8</v>
      </c>
      <c r="C92" s="40" t="s">
        <v>84</v>
      </c>
      <c r="D92" s="41"/>
      <c r="E92" s="29">
        <v>45161</v>
      </c>
      <c r="F92" s="53">
        <v>45162</v>
      </c>
      <c r="G92" s="54"/>
    </row>
    <row r="93" spans="1:8" ht="18.75" customHeight="1" x14ac:dyDescent="0.2">
      <c r="D93" s="26"/>
    </row>
    <row r="94" spans="1:8" ht="18.75" customHeight="1" x14ac:dyDescent="0.2">
      <c r="A94" s="7" t="s">
        <v>74</v>
      </c>
      <c r="B94" s="7"/>
      <c r="C94" s="7"/>
      <c r="D94" s="26"/>
    </row>
    <row r="95" spans="1:8" ht="18.75" customHeight="1" x14ac:dyDescent="0.2">
      <c r="A95" s="46" t="s">
        <v>1</v>
      </c>
      <c r="B95" s="46" t="s">
        <v>4</v>
      </c>
      <c r="C95" s="46" t="s">
        <v>37</v>
      </c>
      <c r="D95" s="46"/>
      <c r="E95" s="46" t="s">
        <v>38</v>
      </c>
      <c r="F95" s="52" t="s">
        <v>39</v>
      </c>
      <c r="G95" s="52"/>
    </row>
    <row r="96" spans="1:8" ht="18.75" customHeight="1" x14ac:dyDescent="0.2">
      <c r="A96" s="43"/>
      <c r="B96" s="43"/>
      <c r="C96" s="44" t="s">
        <v>7</v>
      </c>
      <c r="D96" s="45"/>
      <c r="E96" s="43"/>
      <c r="F96" s="52"/>
      <c r="G96" s="52"/>
    </row>
    <row r="97" spans="1:7" ht="18.75" customHeight="1" x14ac:dyDescent="0.2">
      <c r="A97" s="13" t="s">
        <v>58</v>
      </c>
      <c r="B97" s="49" t="s">
        <v>12</v>
      </c>
      <c r="C97" s="58" t="s">
        <v>83</v>
      </c>
      <c r="D97" s="48"/>
      <c r="E97" s="56">
        <v>45161</v>
      </c>
      <c r="F97" s="58">
        <v>45162</v>
      </c>
      <c r="G97" s="56"/>
    </row>
    <row r="98" spans="1:7" ht="18.75" customHeight="1" thickBot="1" x14ac:dyDescent="0.25">
      <c r="A98" s="18" t="s">
        <v>59</v>
      </c>
      <c r="B98" s="60"/>
      <c r="C98" s="66"/>
      <c r="D98" s="67"/>
      <c r="E98" s="68"/>
      <c r="F98" s="69"/>
      <c r="G98" s="68"/>
    </row>
    <row r="99" spans="1:7" ht="18.75" customHeight="1" thickTop="1" x14ac:dyDescent="0.2">
      <c r="A99" s="42" t="s">
        <v>1</v>
      </c>
      <c r="B99" s="42" t="s">
        <v>4</v>
      </c>
      <c r="C99" s="42" t="s">
        <v>61</v>
      </c>
      <c r="D99" s="42"/>
      <c r="E99" s="46" t="s">
        <v>38</v>
      </c>
      <c r="F99" s="43" t="s">
        <v>39</v>
      </c>
      <c r="G99" s="43"/>
    </row>
    <row r="100" spans="1:7" ht="18.75" customHeight="1" x14ac:dyDescent="0.2">
      <c r="A100" s="43"/>
      <c r="B100" s="43"/>
      <c r="C100" s="44" t="s">
        <v>7</v>
      </c>
      <c r="D100" s="45"/>
      <c r="E100" s="43"/>
      <c r="F100" s="52"/>
      <c r="G100" s="52"/>
    </row>
    <row r="101" spans="1:7" ht="18.75" customHeight="1" x14ac:dyDescent="0.2">
      <c r="A101" s="13" t="s">
        <v>75</v>
      </c>
      <c r="B101" s="64" t="s">
        <v>30</v>
      </c>
      <c r="C101" s="47" t="s">
        <v>84</v>
      </c>
      <c r="D101" s="48"/>
      <c r="E101" s="56">
        <v>45161</v>
      </c>
      <c r="F101" s="58">
        <v>45162</v>
      </c>
      <c r="G101" s="56"/>
    </row>
    <row r="102" spans="1:7" ht="18.75" customHeight="1" x14ac:dyDescent="0.2">
      <c r="A102" s="19" t="s">
        <v>76</v>
      </c>
      <c r="B102" s="65"/>
      <c r="C102" s="44"/>
      <c r="D102" s="45"/>
      <c r="E102" s="57"/>
      <c r="F102" s="59"/>
      <c r="G102" s="57"/>
    </row>
  </sheetData>
  <mergeCells count="131">
    <mergeCell ref="B101:B102"/>
    <mergeCell ref="C101:D102"/>
    <mergeCell ref="E101:E102"/>
    <mergeCell ref="F101:G102"/>
    <mergeCell ref="B97:B98"/>
    <mergeCell ref="C97:D98"/>
    <mergeCell ref="E97:E98"/>
    <mergeCell ref="F97:G98"/>
    <mergeCell ref="A99:A100"/>
    <mergeCell ref="B99:B100"/>
    <mergeCell ref="C99:D99"/>
    <mergeCell ref="E99:E100"/>
    <mergeCell ref="F99:G100"/>
    <mergeCell ref="C100:D100"/>
    <mergeCell ref="C92:D92"/>
    <mergeCell ref="F92:G92"/>
    <mergeCell ref="A95:A96"/>
    <mergeCell ref="B95:B96"/>
    <mergeCell ref="C95:D95"/>
    <mergeCell ref="E95:E96"/>
    <mergeCell ref="F95:G96"/>
    <mergeCell ref="C96:D96"/>
    <mergeCell ref="A90:A91"/>
    <mergeCell ref="B90:B91"/>
    <mergeCell ref="C90:D90"/>
    <mergeCell ref="E90:E91"/>
    <mergeCell ref="F90:G91"/>
    <mergeCell ref="C91:D91"/>
    <mergeCell ref="A83:A84"/>
    <mergeCell ref="B83:B84"/>
    <mergeCell ref="C83:D83"/>
    <mergeCell ref="E83:E84"/>
    <mergeCell ref="F83:G84"/>
    <mergeCell ref="B85:B87"/>
    <mergeCell ref="C85:C87"/>
    <mergeCell ref="D85:D87"/>
    <mergeCell ref="E85:E87"/>
    <mergeCell ref="F85:G87"/>
    <mergeCell ref="B77:B78"/>
    <mergeCell ref="C77:C78"/>
    <mergeCell ref="D77:D78"/>
    <mergeCell ref="E77:E78"/>
    <mergeCell ref="F77:G78"/>
    <mergeCell ref="B79:B80"/>
    <mergeCell ref="C79:C80"/>
    <mergeCell ref="D79:D80"/>
    <mergeCell ref="E79:E80"/>
    <mergeCell ref="F79:G80"/>
    <mergeCell ref="A71:A72"/>
    <mergeCell ref="F71:G71"/>
    <mergeCell ref="F72:G72"/>
    <mergeCell ref="A75:A76"/>
    <mergeCell ref="B75:B76"/>
    <mergeCell ref="C75:D75"/>
    <mergeCell ref="E75:E76"/>
    <mergeCell ref="F75:G76"/>
    <mergeCell ref="A68:A69"/>
    <mergeCell ref="B68:B69"/>
    <mergeCell ref="C68:D68"/>
    <mergeCell ref="E68:E69"/>
    <mergeCell ref="F68:G69"/>
    <mergeCell ref="F70:G70"/>
    <mergeCell ref="B63:B64"/>
    <mergeCell ref="C63:C64"/>
    <mergeCell ref="D63:D64"/>
    <mergeCell ref="E63:E64"/>
    <mergeCell ref="F63:G64"/>
    <mergeCell ref="F65:G65"/>
    <mergeCell ref="F58:G58"/>
    <mergeCell ref="A61:A62"/>
    <mergeCell ref="B61:B62"/>
    <mergeCell ref="C61:D61"/>
    <mergeCell ref="E61:E62"/>
    <mergeCell ref="F61:G62"/>
    <mergeCell ref="B52:B53"/>
    <mergeCell ref="C52:C53"/>
    <mergeCell ref="D52:D53"/>
    <mergeCell ref="E52:E53"/>
    <mergeCell ref="F52:G53"/>
    <mergeCell ref="A56:A57"/>
    <mergeCell ref="B56:B57"/>
    <mergeCell ref="C56:D56"/>
    <mergeCell ref="E56:E57"/>
    <mergeCell ref="F56:G57"/>
    <mergeCell ref="F47:G47"/>
    <mergeCell ref="A50:A51"/>
    <mergeCell ref="B50:B51"/>
    <mergeCell ref="C50:D50"/>
    <mergeCell ref="E50:E51"/>
    <mergeCell ref="F50:G51"/>
    <mergeCell ref="F42:G42"/>
    <mergeCell ref="A45:A46"/>
    <mergeCell ref="B45:B46"/>
    <mergeCell ref="C45:D45"/>
    <mergeCell ref="E45:E46"/>
    <mergeCell ref="F45:G46"/>
    <mergeCell ref="F35:G35"/>
    <mergeCell ref="F36:G36"/>
    <mergeCell ref="F37:G37"/>
    <mergeCell ref="A40:A41"/>
    <mergeCell ref="B40:B41"/>
    <mergeCell ref="C40:D40"/>
    <mergeCell ref="E40:E41"/>
    <mergeCell ref="F40:G41"/>
    <mergeCell ref="F26:G26"/>
    <mergeCell ref="F27:G27"/>
    <mergeCell ref="F28:G28"/>
    <mergeCell ref="F29:G29"/>
    <mergeCell ref="F30:G30"/>
    <mergeCell ref="A33:A34"/>
    <mergeCell ref="B33:B34"/>
    <mergeCell ref="C33:D33"/>
    <mergeCell ref="E33:E34"/>
    <mergeCell ref="F33:G34"/>
    <mergeCell ref="F12:G12"/>
    <mergeCell ref="A14:A15"/>
    <mergeCell ref="B14:B15"/>
    <mergeCell ref="C14:D14"/>
    <mergeCell ref="E14:E15"/>
    <mergeCell ref="F14:G15"/>
    <mergeCell ref="F21:G21"/>
    <mergeCell ref="A24:A25"/>
    <mergeCell ref="B24:B25"/>
    <mergeCell ref="C24:D24"/>
    <mergeCell ref="E24:E25"/>
    <mergeCell ref="F24:G25"/>
    <mergeCell ref="F16:G16"/>
    <mergeCell ref="F17:G17"/>
    <mergeCell ref="F18:G18"/>
    <mergeCell ref="F19:G19"/>
    <mergeCell ref="F20:G20"/>
  </mergeCells>
  <phoneticPr fontId="2"/>
  <printOptions horizontalCentered="1"/>
  <pageMargins left="0.31496062992125984" right="0.31496062992125984" top="0.31496062992125984" bottom="0.31496062992125984" header="0.6692913385826772" footer="0.31496062992125984"/>
  <pageSetup paperSize="9" scale="79" orientation="portrait" r:id="rId1"/>
  <headerFooter>
    <oddFooter>&amp;C&amp;P</oddFooter>
  </headerFooter>
  <rowBreaks count="1" manualBreakCount="1">
    <brk id="54"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市立学校</vt:lpstr>
      <vt:lpstr>市立学校!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6-08T06:20:39Z</cp:lastPrinted>
  <dcterms:created xsi:type="dcterms:W3CDTF">2022-02-21T10:11:50Z</dcterms:created>
  <dcterms:modified xsi:type="dcterms:W3CDTF">2023-06-15T00:04:56Z</dcterms:modified>
</cp:coreProperties>
</file>